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856\Desktop\★一旦退避\"/>
    </mc:Choice>
  </mc:AlternateContent>
  <xr:revisionPtr revIDLastSave="0" documentId="13_ncr:1_{06DE98D6-C2A6-4CBD-B60E-C262873C3B60}" xr6:coauthVersionLast="47" xr6:coauthVersionMax="47" xr10:uidLastSave="{00000000-0000-0000-0000-000000000000}"/>
  <bookViews>
    <workbookView xWindow="-120" yWindow="-120" windowWidth="29040" windowHeight="15840" activeTab="4" xr2:uid="{CB7BBF20-B827-44C6-9DA7-5CF9CF68F5C5}"/>
  </bookViews>
  <sheets>
    <sheet name="住基R0704" sheetId="1" r:id="rId1"/>
    <sheet name="住基R0705" sheetId="2" r:id="rId2"/>
    <sheet name="住基R0706" sheetId="3" r:id="rId3"/>
    <sheet name="住基R0707" sheetId="4" r:id="rId4"/>
    <sheet name="住基R0708" sheetId="5" r:id="rId5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0" uniqueCount="34">
  <si>
    <t>住民基本台帳人口 （令和7年4月末現在）</t>
    <rPh sb="4" eb="6">
      <t>ジンコウ</t>
    </rPh>
    <rPh sb="10" eb="12">
      <t>レイワ</t>
    </rPh>
    <phoneticPr fontId="3"/>
  </si>
  <si>
    <t xml:space="preserve"> </t>
    <phoneticPr fontId="3"/>
  </si>
  <si>
    <t>人　　　　　　　口</t>
  </si>
  <si>
    <t>世 帯 数</t>
    <phoneticPr fontId="3"/>
  </si>
  <si>
    <t xml:space="preserve">  男 （人）</t>
  </si>
  <si>
    <t xml:space="preserve">  女 （人）</t>
  </si>
  <si>
    <t xml:space="preserve">  計 （人）</t>
  </si>
  <si>
    <t>下 関 市</t>
  </si>
  <si>
    <t>宇 部 市</t>
  </si>
  <si>
    <t>山 口 市</t>
  </si>
  <si>
    <t>萩    市</t>
  </si>
  <si>
    <t>防 府 市</t>
  </si>
  <si>
    <t>下 松 市</t>
  </si>
  <si>
    <t>岩 国 市</t>
  </si>
  <si>
    <t>光    市</t>
  </si>
  <si>
    <t>長 門 市</t>
  </si>
  <si>
    <t>柳 井 市</t>
  </si>
  <si>
    <t>美 祢 市</t>
  </si>
  <si>
    <t>周 南 市</t>
    <rPh sb="0" eb="1">
      <t>シュウ</t>
    </rPh>
    <rPh sb="2" eb="3">
      <t>ミナミ</t>
    </rPh>
    <rPh sb="4" eb="5">
      <t>シ</t>
    </rPh>
    <phoneticPr fontId="3"/>
  </si>
  <si>
    <t>山陽小野田市</t>
    <rPh sb="0" eb="2">
      <t>サンヨウ</t>
    </rPh>
    <phoneticPr fontId="3"/>
  </si>
  <si>
    <t>市　  計</t>
    <phoneticPr fontId="3"/>
  </si>
  <si>
    <t>周防大島町</t>
    <rPh sb="0" eb="2">
      <t>スオウ</t>
    </rPh>
    <rPh sb="2" eb="4">
      <t>オオシマ</t>
    </rPh>
    <phoneticPr fontId="3"/>
  </si>
  <si>
    <t>和 木 町</t>
  </si>
  <si>
    <t>上 関 町</t>
  </si>
  <si>
    <t>田布施町</t>
  </si>
  <si>
    <t>平 生 町</t>
  </si>
  <si>
    <t>阿 武 町</t>
  </si>
  <si>
    <t>町    計</t>
    <phoneticPr fontId="3"/>
  </si>
  <si>
    <t>県    計</t>
  </si>
  <si>
    <t>※この集計結果は、各市町からの「人口移動報告書」に基づき集計したものです。</t>
    <rPh sb="3" eb="5">
      <t>シュウケイ</t>
    </rPh>
    <rPh sb="5" eb="7">
      <t>ケッカ</t>
    </rPh>
    <rPh sb="9" eb="12">
      <t>カクシチョウ</t>
    </rPh>
    <rPh sb="16" eb="18">
      <t>ジンコウ</t>
    </rPh>
    <rPh sb="18" eb="20">
      <t>イドウ</t>
    </rPh>
    <rPh sb="20" eb="23">
      <t>ホウコクショ</t>
    </rPh>
    <rPh sb="25" eb="26">
      <t>モト</t>
    </rPh>
    <rPh sb="28" eb="30">
      <t>シュウケイ</t>
    </rPh>
    <phoneticPr fontId="3"/>
  </si>
  <si>
    <t>住民基本台帳人口 （令和7年5月末現在）</t>
    <rPh sb="4" eb="6">
      <t>ジンコウ</t>
    </rPh>
    <rPh sb="10" eb="12">
      <t>レイワ</t>
    </rPh>
    <phoneticPr fontId="3"/>
  </si>
  <si>
    <t>住民基本台帳人口 （令和7年6月末現在）</t>
    <rPh sb="4" eb="6">
      <t>ジンコウ</t>
    </rPh>
    <rPh sb="10" eb="12">
      <t>レイワ</t>
    </rPh>
    <phoneticPr fontId="3"/>
  </si>
  <si>
    <t>住民基本台帳人口 （令和7年7月末現在）</t>
    <rPh sb="4" eb="6">
      <t>ジンコウ</t>
    </rPh>
    <rPh sb="10" eb="12">
      <t>レイワ</t>
    </rPh>
    <phoneticPr fontId="3"/>
  </si>
  <si>
    <t>住民基本台帳人口 （令和7年8月末現在）</t>
    <rPh sb="4" eb="6">
      <t>ジンコウ</t>
    </rPh>
    <rPh sb="10" eb="12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20"/>
      <color indexed="12"/>
      <name val="ＭＳ 明朝"/>
      <family val="1"/>
      <charset val="128"/>
    </font>
    <font>
      <sz val="6"/>
      <name val="ＭＳ Ｐゴシック"/>
      <family val="3"/>
      <charset val="128"/>
    </font>
    <font>
      <sz val="16"/>
      <color indexed="12"/>
      <name val="ＭＳ 明朝"/>
      <family val="1"/>
      <charset val="128"/>
    </font>
    <font>
      <sz val="16"/>
      <name val="ＭＳ Ｐゴシック"/>
      <family val="3"/>
      <charset val="128"/>
    </font>
    <font>
      <sz val="16"/>
      <name val="ＭＳ 明朝"/>
      <family val="1"/>
      <charset val="128"/>
    </font>
    <font>
      <b/>
      <sz val="16"/>
      <color indexed="12"/>
      <name val="ＭＳ 明朝"/>
      <family val="1"/>
      <charset val="128"/>
    </font>
    <font>
      <b/>
      <sz val="16"/>
      <name val="ＭＳ 明朝"/>
      <family val="1"/>
      <charset val="128"/>
    </font>
    <font>
      <b/>
      <sz val="11"/>
      <name val="ＭＳ Ｐゴシック"/>
      <family val="3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0" fontId="0" fillId="0" borderId="1" xfId="0" applyBorder="1"/>
    <xf numFmtId="0" fontId="4" fillId="0" borderId="3" xfId="0" quotePrefix="1" applyFont="1" applyBorder="1" applyAlignment="1">
      <alignment horizontal="centerContinuous" vertical="center"/>
    </xf>
    <xf numFmtId="0" fontId="5" fillId="0" borderId="1" xfId="0" applyFont="1" applyBorder="1" applyAlignment="1">
      <alignment horizontal="centerContinuous" vertical="center"/>
    </xf>
    <xf numFmtId="0" fontId="4" fillId="0" borderId="3" xfId="0" quotePrefix="1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37" fontId="6" fillId="0" borderId="7" xfId="0" applyNumberFormat="1" applyFont="1" applyBorder="1" applyProtection="1">
      <protection locked="0"/>
    </xf>
    <xf numFmtId="37" fontId="6" fillId="0" borderId="8" xfId="0" applyNumberFormat="1" applyFont="1" applyBorder="1" applyProtection="1">
      <protection locked="0"/>
    </xf>
    <xf numFmtId="37" fontId="6" fillId="0" borderId="9" xfId="0" applyNumberFormat="1" applyFont="1" applyBorder="1"/>
    <xf numFmtId="37" fontId="6" fillId="0" borderId="2" xfId="0" applyNumberFormat="1" applyFont="1" applyBorder="1" applyProtection="1">
      <protection locked="0"/>
    </xf>
    <xf numFmtId="37" fontId="6" fillId="0" borderId="10" xfId="0" applyNumberFormat="1" applyFont="1" applyBorder="1" applyProtection="1">
      <protection locked="0"/>
    </xf>
    <xf numFmtId="37" fontId="6" fillId="0" borderId="11" xfId="0" applyNumberFormat="1" applyFont="1" applyBorder="1" applyProtection="1">
      <protection locked="0"/>
    </xf>
    <xf numFmtId="37" fontId="6" fillId="0" borderId="12" xfId="0" applyNumberFormat="1" applyFont="1" applyBorder="1" applyProtection="1">
      <protection locked="0"/>
    </xf>
    <xf numFmtId="37" fontId="6" fillId="0" borderId="13" xfId="0" applyNumberFormat="1" applyFont="1" applyBorder="1" applyProtection="1">
      <protection locked="0"/>
    </xf>
    <xf numFmtId="0" fontId="7" fillId="0" borderId="2" xfId="0" applyFont="1" applyBorder="1" applyAlignment="1">
      <alignment horizontal="center" vertical="center"/>
    </xf>
    <xf numFmtId="38" fontId="8" fillId="0" borderId="2" xfId="1" applyFont="1" applyBorder="1" applyAlignment="1" applyProtection="1"/>
    <xf numFmtId="0" fontId="4" fillId="0" borderId="2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9" fillId="0" borderId="0" xfId="0" applyFont="1"/>
    <xf numFmtId="0" fontId="10" fillId="0" borderId="0" xfId="0" applyFont="1" applyAlignment="1">
      <alignment vertical="center"/>
    </xf>
    <xf numFmtId="0" fontId="2" fillId="0" borderId="0" xfId="0" quotePrefix="1" applyFont="1" applyAlignment="1" applyProtection="1">
      <alignment horizontal="center" vertical="center"/>
      <protection locked="0"/>
    </xf>
    <xf numFmtId="0" fontId="0" fillId="0" borderId="2" xfId="0" applyBorder="1" applyAlignment="1">
      <alignment horizontal="center"/>
    </xf>
    <xf numFmtId="0" fontId="4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F4B2ED-598A-4E38-98EE-2A5173B33A55}">
  <dimension ref="A1:E27"/>
  <sheetViews>
    <sheetView view="pageBreakPreview" zoomScale="85" zoomScaleNormal="85" zoomScaleSheetLayoutView="85" workbookViewId="0">
      <selection activeCell="I19" sqref="I19"/>
    </sheetView>
  </sheetViews>
  <sheetFormatPr defaultRowHeight="13.5" x14ac:dyDescent="0.15"/>
  <cols>
    <col min="1" max="1" width="19.25" customWidth="1"/>
    <col min="2" max="3" width="17.125" bestFit="1" customWidth="1"/>
    <col min="4" max="4" width="17.875" customWidth="1"/>
    <col min="5" max="5" width="16.375" customWidth="1"/>
    <col min="257" max="257" width="19.25" customWidth="1"/>
    <col min="258" max="259" width="17.125" bestFit="1" customWidth="1"/>
    <col min="260" max="260" width="17.875" customWidth="1"/>
    <col min="261" max="261" width="16.375" customWidth="1"/>
    <col min="513" max="513" width="19.25" customWidth="1"/>
    <col min="514" max="515" width="17.125" bestFit="1" customWidth="1"/>
    <col min="516" max="516" width="17.875" customWidth="1"/>
    <col min="517" max="517" width="16.375" customWidth="1"/>
    <col min="769" max="769" width="19.25" customWidth="1"/>
    <col min="770" max="771" width="17.125" bestFit="1" customWidth="1"/>
    <col min="772" max="772" width="17.875" customWidth="1"/>
    <col min="773" max="773" width="16.375" customWidth="1"/>
    <col min="1025" max="1025" width="19.25" customWidth="1"/>
    <col min="1026" max="1027" width="17.125" bestFit="1" customWidth="1"/>
    <col min="1028" max="1028" width="17.875" customWidth="1"/>
    <col min="1029" max="1029" width="16.375" customWidth="1"/>
    <col min="1281" max="1281" width="19.25" customWidth="1"/>
    <col min="1282" max="1283" width="17.125" bestFit="1" customWidth="1"/>
    <col min="1284" max="1284" width="17.875" customWidth="1"/>
    <col min="1285" max="1285" width="16.375" customWidth="1"/>
    <col min="1537" max="1537" width="19.25" customWidth="1"/>
    <col min="1538" max="1539" width="17.125" bestFit="1" customWidth="1"/>
    <col min="1540" max="1540" width="17.875" customWidth="1"/>
    <col min="1541" max="1541" width="16.375" customWidth="1"/>
    <col min="1793" max="1793" width="19.25" customWidth="1"/>
    <col min="1794" max="1795" width="17.125" bestFit="1" customWidth="1"/>
    <col min="1796" max="1796" width="17.875" customWidth="1"/>
    <col min="1797" max="1797" width="16.375" customWidth="1"/>
    <col min="2049" max="2049" width="19.25" customWidth="1"/>
    <col min="2050" max="2051" width="17.125" bestFit="1" customWidth="1"/>
    <col min="2052" max="2052" width="17.875" customWidth="1"/>
    <col min="2053" max="2053" width="16.375" customWidth="1"/>
    <col min="2305" max="2305" width="19.25" customWidth="1"/>
    <col min="2306" max="2307" width="17.125" bestFit="1" customWidth="1"/>
    <col min="2308" max="2308" width="17.875" customWidth="1"/>
    <col min="2309" max="2309" width="16.375" customWidth="1"/>
    <col min="2561" max="2561" width="19.25" customWidth="1"/>
    <col min="2562" max="2563" width="17.125" bestFit="1" customWidth="1"/>
    <col min="2564" max="2564" width="17.875" customWidth="1"/>
    <col min="2565" max="2565" width="16.375" customWidth="1"/>
    <col min="2817" max="2817" width="19.25" customWidth="1"/>
    <col min="2818" max="2819" width="17.125" bestFit="1" customWidth="1"/>
    <col min="2820" max="2820" width="17.875" customWidth="1"/>
    <col min="2821" max="2821" width="16.375" customWidth="1"/>
    <col min="3073" max="3073" width="19.25" customWidth="1"/>
    <col min="3074" max="3075" width="17.125" bestFit="1" customWidth="1"/>
    <col min="3076" max="3076" width="17.875" customWidth="1"/>
    <col min="3077" max="3077" width="16.375" customWidth="1"/>
    <col min="3329" max="3329" width="19.25" customWidth="1"/>
    <col min="3330" max="3331" width="17.125" bestFit="1" customWidth="1"/>
    <col min="3332" max="3332" width="17.875" customWidth="1"/>
    <col min="3333" max="3333" width="16.375" customWidth="1"/>
    <col min="3585" max="3585" width="19.25" customWidth="1"/>
    <col min="3586" max="3587" width="17.125" bestFit="1" customWidth="1"/>
    <col min="3588" max="3588" width="17.875" customWidth="1"/>
    <col min="3589" max="3589" width="16.375" customWidth="1"/>
    <col min="3841" max="3841" width="19.25" customWidth="1"/>
    <col min="3842" max="3843" width="17.125" bestFit="1" customWidth="1"/>
    <col min="3844" max="3844" width="17.875" customWidth="1"/>
    <col min="3845" max="3845" width="16.375" customWidth="1"/>
    <col min="4097" max="4097" width="19.25" customWidth="1"/>
    <col min="4098" max="4099" width="17.125" bestFit="1" customWidth="1"/>
    <col min="4100" max="4100" width="17.875" customWidth="1"/>
    <col min="4101" max="4101" width="16.375" customWidth="1"/>
    <col min="4353" max="4353" width="19.25" customWidth="1"/>
    <col min="4354" max="4355" width="17.125" bestFit="1" customWidth="1"/>
    <col min="4356" max="4356" width="17.875" customWidth="1"/>
    <col min="4357" max="4357" width="16.375" customWidth="1"/>
    <col min="4609" max="4609" width="19.25" customWidth="1"/>
    <col min="4610" max="4611" width="17.125" bestFit="1" customWidth="1"/>
    <col min="4612" max="4612" width="17.875" customWidth="1"/>
    <col min="4613" max="4613" width="16.375" customWidth="1"/>
    <col min="4865" max="4865" width="19.25" customWidth="1"/>
    <col min="4866" max="4867" width="17.125" bestFit="1" customWidth="1"/>
    <col min="4868" max="4868" width="17.875" customWidth="1"/>
    <col min="4869" max="4869" width="16.375" customWidth="1"/>
    <col min="5121" max="5121" width="19.25" customWidth="1"/>
    <col min="5122" max="5123" width="17.125" bestFit="1" customWidth="1"/>
    <col min="5124" max="5124" width="17.875" customWidth="1"/>
    <col min="5125" max="5125" width="16.375" customWidth="1"/>
    <col min="5377" max="5377" width="19.25" customWidth="1"/>
    <col min="5378" max="5379" width="17.125" bestFit="1" customWidth="1"/>
    <col min="5380" max="5380" width="17.875" customWidth="1"/>
    <col min="5381" max="5381" width="16.375" customWidth="1"/>
    <col min="5633" max="5633" width="19.25" customWidth="1"/>
    <col min="5634" max="5635" width="17.125" bestFit="1" customWidth="1"/>
    <col min="5636" max="5636" width="17.875" customWidth="1"/>
    <col min="5637" max="5637" width="16.375" customWidth="1"/>
    <col min="5889" max="5889" width="19.25" customWidth="1"/>
    <col min="5890" max="5891" width="17.125" bestFit="1" customWidth="1"/>
    <col min="5892" max="5892" width="17.875" customWidth="1"/>
    <col min="5893" max="5893" width="16.375" customWidth="1"/>
    <col min="6145" max="6145" width="19.25" customWidth="1"/>
    <col min="6146" max="6147" width="17.125" bestFit="1" customWidth="1"/>
    <col min="6148" max="6148" width="17.875" customWidth="1"/>
    <col min="6149" max="6149" width="16.375" customWidth="1"/>
    <col min="6401" max="6401" width="19.25" customWidth="1"/>
    <col min="6402" max="6403" width="17.125" bestFit="1" customWidth="1"/>
    <col min="6404" max="6404" width="17.875" customWidth="1"/>
    <col min="6405" max="6405" width="16.375" customWidth="1"/>
    <col min="6657" max="6657" width="19.25" customWidth="1"/>
    <col min="6658" max="6659" width="17.125" bestFit="1" customWidth="1"/>
    <col min="6660" max="6660" width="17.875" customWidth="1"/>
    <col min="6661" max="6661" width="16.375" customWidth="1"/>
    <col min="6913" max="6913" width="19.25" customWidth="1"/>
    <col min="6914" max="6915" width="17.125" bestFit="1" customWidth="1"/>
    <col min="6916" max="6916" width="17.875" customWidth="1"/>
    <col min="6917" max="6917" width="16.375" customWidth="1"/>
    <col min="7169" max="7169" width="19.25" customWidth="1"/>
    <col min="7170" max="7171" width="17.125" bestFit="1" customWidth="1"/>
    <col min="7172" max="7172" width="17.875" customWidth="1"/>
    <col min="7173" max="7173" width="16.375" customWidth="1"/>
    <col min="7425" max="7425" width="19.25" customWidth="1"/>
    <col min="7426" max="7427" width="17.125" bestFit="1" customWidth="1"/>
    <col min="7428" max="7428" width="17.875" customWidth="1"/>
    <col min="7429" max="7429" width="16.375" customWidth="1"/>
    <col min="7681" max="7681" width="19.25" customWidth="1"/>
    <col min="7682" max="7683" width="17.125" bestFit="1" customWidth="1"/>
    <col min="7684" max="7684" width="17.875" customWidth="1"/>
    <col min="7685" max="7685" width="16.375" customWidth="1"/>
    <col min="7937" max="7937" width="19.25" customWidth="1"/>
    <col min="7938" max="7939" width="17.125" bestFit="1" customWidth="1"/>
    <col min="7940" max="7940" width="17.875" customWidth="1"/>
    <col min="7941" max="7941" width="16.375" customWidth="1"/>
    <col min="8193" max="8193" width="19.25" customWidth="1"/>
    <col min="8194" max="8195" width="17.125" bestFit="1" customWidth="1"/>
    <col min="8196" max="8196" width="17.875" customWidth="1"/>
    <col min="8197" max="8197" width="16.375" customWidth="1"/>
    <col min="8449" max="8449" width="19.25" customWidth="1"/>
    <col min="8450" max="8451" width="17.125" bestFit="1" customWidth="1"/>
    <col min="8452" max="8452" width="17.875" customWidth="1"/>
    <col min="8453" max="8453" width="16.375" customWidth="1"/>
    <col min="8705" max="8705" width="19.25" customWidth="1"/>
    <col min="8706" max="8707" width="17.125" bestFit="1" customWidth="1"/>
    <col min="8708" max="8708" width="17.875" customWidth="1"/>
    <col min="8709" max="8709" width="16.375" customWidth="1"/>
    <col min="8961" max="8961" width="19.25" customWidth="1"/>
    <col min="8962" max="8963" width="17.125" bestFit="1" customWidth="1"/>
    <col min="8964" max="8964" width="17.875" customWidth="1"/>
    <col min="8965" max="8965" width="16.375" customWidth="1"/>
    <col min="9217" max="9217" width="19.25" customWidth="1"/>
    <col min="9218" max="9219" width="17.125" bestFit="1" customWidth="1"/>
    <col min="9220" max="9220" width="17.875" customWidth="1"/>
    <col min="9221" max="9221" width="16.375" customWidth="1"/>
    <col min="9473" max="9473" width="19.25" customWidth="1"/>
    <col min="9474" max="9475" width="17.125" bestFit="1" customWidth="1"/>
    <col min="9476" max="9476" width="17.875" customWidth="1"/>
    <col min="9477" max="9477" width="16.375" customWidth="1"/>
    <col min="9729" max="9729" width="19.25" customWidth="1"/>
    <col min="9730" max="9731" width="17.125" bestFit="1" customWidth="1"/>
    <col min="9732" max="9732" width="17.875" customWidth="1"/>
    <col min="9733" max="9733" width="16.375" customWidth="1"/>
    <col min="9985" max="9985" width="19.25" customWidth="1"/>
    <col min="9986" max="9987" width="17.125" bestFit="1" customWidth="1"/>
    <col min="9988" max="9988" width="17.875" customWidth="1"/>
    <col min="9989" max="9989" width="16.375" customWidth="1"/>
    <col min="10241" max="10241" width="19.25" customWidth="1"/>
    <col min="10242" max="10243" width="17.125" bestFit="1" customWidth="1"/>
    <col min="10244" max="10244" width="17.875" customWidth="1"/>
    <col min="10245" max="10245" width="16.375" customWidth="1"/>
    <col min="10497" max="10497" width="19.25" customWidth="1"/>
    <col min="10498" max="10499" width="17.125" bestFit="1" customWidth="1"/>
    <col min="10500" max="10500" width="17.875" customWidth="1"/>
    <col min="10501" max="10501" width="16.375" customWidth="1"/>
    <col min="10753" max="10753" width="19.25" customWidth="1"/>
    <col min="10754" max="10755" width="17.125" bestFit="1" customWidth="1"/>
    <col min="10756" max="10756" width="17.875" customWidth="1"/>
    <col min="10757" max="10757" width="16.375" customWidth="1"/>
    <col min="11009" max="11009" width="19.25" customWidth="1"/>
    <col min="11010" max="11011" width="17.125" bestFit="1" customWidth="1"/>
    <col min="11012" max="11012" width="17.875" customWidth="1"/>
    <col min="11013" max="11013" width="16.375" customWidth="1"/>
    <col min="11265" max="11265" width="19.25" customWidth="1"/>
    <col min="11266" max="11267" width="17.125" bestFit="1" customWidth="1"/>
    <col min="11268" max="11268" width="17.875" customWidth="1"/>
    <col min="11269" max="11269" width="16.375" customWidth="1"/>
    <col min="11521" max="11521" width="19.25" customWidth="1"/>
    <col min="11522" max="11523" width="17.125" bestFit="1" customWidth="1"/>
    <col min="11524" max="11524" width="17.875" customWidth="1"/>
    <col min="11525" max="11525" width="16.375" customWidth="1"/>
    <col min="11777" max="11777" width="19.25" customWidth="1"/>
    <col min="11778" max="11779" width="17.125" bestFit="1" customWidth="1"/>
    <col min="11780" max="11780" width="17.875" customWidth="1"/>
    <col min="11781" max="11781" width="16.375" customWidth="1"/>
    <col min="12033" max="12033" width="19.25" customWidth="1"/>
    <col min="12034" max="12035" width="17.125" bestFit="1" customWidth="1"/>
    <col min="12036" max="12036" width="17.875" customWidth="1"/>
    <col min="12037" max="12037" width="16.375" customWidth="1"/>
    <col min="12289" max="12289" width="19.25" customWidth="1"/>
    <col min="12290" max="12291" width="17.125" bestFit="1" customWidth="1"/>
    <col min="12292" max="12292" width="17.875" customWidth="1"/>
    <col min="12293" max="12293" width="16.375" customWidth="1"/>
    <col min="12545" max="12545" width="19.25" customWidth="1"/>
    <col min="12546" max="12547" width="17.125" bestFit="1" customWidth="1"/>
    <col min="12548" max="12548" width="17.875" customWidth="1"/>
    <col min="12549" max="12549" width="16.375" customWidth="1"/>
    <col min="12801" max="12801" width="19.25" customWidth="1"/>
    <col min="12802" max="12803" width="17.125" bestFit="1" customWidth="1"/>
    <col min="12804" max="12804" width="17.875" customWidth="1"/>
    <col min="12805" max="12805" width="16.375" customWidth="1"/>
    <col min="13057" max="13057" width="19.25" customWidth="1"/>
    <col min="13058" max="13059" width="17.125" bestFit="1" customWidth="1"/>
    <col min="13060" max="13060" width="17.875" customWidth="1"/>
    <col min="13061" max="13061" width="16.375" customWidth="1"/>
    <col min="13313" max="13313" width="19.25" customWidth="1"/>
    <col min="13314" max="13315" width="17.125" bestFit="1" customWidth="1"/>
    <col min="13316" max="13316" width="17.875" customWidth="1"/>
    <col min="13317" max="13317" width="16.375" customWidth="1"/>
    <col min="13569" max="13569" width="19.25" customWidth="1"/>
    <col min="13570" max="13571" width="17.125" bestFit="1" customWidth="1"/>
    <col min="13572" max="13572" width="17.875" customWidth="1"/>
    <col min="13573" max="13573" width="16.375" customWidth="1"/>
    <col min="13825" max="13825" width="19.25" customWidth="1"/>
    <col min="13826" max="13827" width="17.125" bestFit="1" customWidth="1"/>
    <col min="13828" max="13828" width="17.875" customWidth="1"/>
    <col min="13829" max="13829" width="16.375" customWidth="1"/>
    <col min="14081" max="14081" width="19.25" customWidth="1"/>
    <col min="14082" max="14083" width="17.125" bestFit="1" customWidth="1"/>
    <col min="14084" max="14084" width="17.875" customWidth="1"/>
    <col min="14085" max="14085" width="16.375" customWidth="1"/>
    <col min="14337" max="14337" width="19.25" customWidth="1"/>
    <col min="14338" max="14339" width="17.125" bestFit="1" customWidth="1"/>
    <col min="14340" max="14340" width="17.875" customWidth="1"/>
    <col min="14341" max="14341" width="16.375" customWidth="1"/>
    <col min="14593" max="14593" width="19.25" customWidth="1"/>
    <col min="14594" max="14595" width="17.125" bestFit="1" customWidth="1"/>
    <col min="14596" max="14596" width="17.875" customWidth="1"/>
    <col min="14597" max="14597" width="16.375" customWidth="1"/>
    <col min="14849" max="14849" width="19.25" customWidth="1"/>
    <col min="14850" max="14851" width="17.125" bestFit="1" customWidth="1"/>
    <col min="14852" max="14852" width="17.875" customWidth="1"/>
    <col min="14853" max="14853" width="16.375" customWidth="1"/>
    <col min="15105" max="15105" width="19.25" customWidth="1"/>
    <col min="15106" max="15107" width="17.125" bestFit="1" customWidth="1"/>
    <col min="15108" max="15108" width="17.875" customWidth="1"/>
    <col min="15109" max="15109" width="16.375" customWidth="1"/>
    <col min="15361" max="15361" width="19.25" customWidth="1"/>
    <col min="15362" max="15363" width="17.125" bestFit="1" customWidth="1"/>
    <col min="15364" max="15364" width="17.875" customWidth="1"/>
    <col min="15365" max="15365" width="16.375" customWidth="1"/>
    <col min="15617" max="15617" width="19.25" customWidth="1"/>
    <col min="15618" max="15619" width="17.125" bestFit="1" customWidth="1"/>
    <col min="15620" max="15620" width="17.875" customWidth="1"/>
    <col min="15621" max="15621" width="16.375" customWidth="1"/>
    <col min="15873" max="15873" width="19.25" customWidth="1"/>
    <col min="15874" max="15875" width="17.125" bestFit="1" customWidth="1"/>
    <col min="15876" max="15876" width="17.875" customWidth="1"/>
    <col min="15877" max="15877" width="16.375" customWidth="1"/>
    <col min="16129" max="16129" width="19.25" customWidth="1"/>
    <col min="16130" max="16131" width="17.125" bestFit="1" customWidth="1"/>
    <col min="16132" max="16132" width="17.875" customWidth="1"/>
    <col min="16133" max="16133" width="16.375" customWidth="1"/>
  </cols>
  <sheetData>
    <row r="1" spans="1:5" ht="24" x14ac:dyDescent="0.15">
      <c r="A1" s="20" t="s">
        <v>0</v>
      </c>
      <c r="B1" s="20"/>
      <c r="C1" s="20"/>
      <c r="D1" s="20"/>
      <c r="E1" s="20"/>
    </row>
    <row r="2" spans="1:5" x14ac:dyDescent="0.15">
      <c r="B2" s="1"/>
      <c r="C2" s="1" t="s">
        <v>1</v>
      </c>
      <c r="D2" s="1"/>
      <c r="E2" s="1"/>
    </row>
    <row r="3" spans="1:5" ht="24.75" customHeight="1" x14ac:dyDescent="0.15">
      <c r="A3" s="21"/>
      <c r="B3" s="2" t="s">
        <v>2</v>
      </c>
      <c r="C3" s="3"/>
      <c r="D3" s="3"/>
      <c r="E3" s="22" t="s">
        <v>3</v>
      </c>
    </row>
    <row r="4" spans="1:5" ht="24.75" customHeight="1" x14ac:dyDescent="0.15">
      <c r="A4" s="21"/>
      <c r="B4" s="4" t="s">
        <v>4</v>
      </c>
      <c r="C4" s="4" t="s">
        <v>5</v>
      </c>
      <c r="D4" s="4" t="s">
        <v>6</v>
      </c>
      <c r="E4" s="23"/>
    </row>
    <row r="5" spans="1:5" ht="24.75" customHeight="1" x14ac:dyDescent="0.2">
      <c r="A5" s="5" t="s">
        <v>7</v>
      </c>
      <c r="B5" s="6">
        <v>112795</v>
      </c>
      <c r="C5" s="7">
        <v>128853</v>
      </c>
      <c r="D5" s="8">
        <v>241648</v>
      </c>
      <c r="E5" s="9">
        <v>127937</v>
      </c>
    </row>
    <row r="6" spans="1:5" ht="24.75" customHeight="1" x14ac:dyDescent="0.2">
      <c r="A6" s="5" t="s">
        <v>8</v>
      </c>
      <c r="B6" s="10">
        <v>74306</v>
      </c>
      <c r="C6" s="11">
        <v>81039</v>
      </c>
      <c r="D6" s="8">
        <v>155345</v>
      </c>
      <c r="E6" s="9">
        <v>79840</v>
      </c>
    </row>
    <row r="7" spans="1:5" ht="24.75" customHeight="1" x14ac:dyDescent="0.2">
      <c r="A7" s="5" t="s">
        <v>9</v>
      </c>
      <c r="B7" s="10">
        <v>88463</v>
      </c>
      <c r="C7" s="11">
        <v>96660</v>
      </c>
      <c r="D7" s="8">
        <v>185123</v>
      </c>
      <c r="E7" s="9">
        <v>91788</v>
      </c>
    </row>
    <row r="8" spans="1:5" ht="24.75" customHeight="1" x14ac:dyDescent="0.2">
      <c r="A8" s="5" t="s">
        <v>10</v>
      </c>
      <c r="B8" s="10">
        <v>19062</v>
      </c>
      <c r="C8" s="11">
        <v>21964</v>
      </c>
      <c r="D8" s="8">
        <v>41026</v>
      </c>
      <c r="E8" s="9">
        <v>22199</v>
      </c>
    </row>
    <row r="9" spans="1:5" ht="24.75" customHeight="1" x14ac:dyDescent="0.2">
      <c r="A9" s="5" t="s">
        <v>11</v>
      </c>
      <c r="B9" s="10">
        <v>55402</v>
      </c>
      <c r="C9" s="11">
        <v>57841</v>
      </c>
      <c r="D9" s="8">
        <v>113243</v>
      </c>
      <c r="E9" s="9">
        <v>57943</v>
      </c>
    </row>
    <row r="10" spans="1:5" ht="24.75" customHeight="1" x14ac:dyDescent="0.2">
      <c r="A10" s="5" t="s">
        <v>12</v>
      </c>
      <c r="B10" s="10">
        <v>27825</v>
      </c>
      <c r="C10" s="11">
        <v>28572</v>
      </c>
      <c r="D10" s="8">
        <v>56397</v>
      </c>
      <c r="E10" s="9">
        <v>27010</v>
      </c>
    </row>
    <row r="11" spans="1:5" ht="24.75" customHeight="1" x14ac:dyDescent="0.2">
      <c r="A11" s="5" t="s">
        <v>13</v>
      </c>
      <c r="B11" s="10">
        <v>58884</v>
      </c>
      <c r="C11" s="11">
        <v>64657</v>
      </c>
      <c r="D11" s="8">
        <v>123541</v>
      </c>
      <c r="E11" s="9">
        <v>64484</v>
      </c>
    </row>
    <row r="12" spans="1:5" ht="24.75" customHeight="1" x14ac:dyDescent="0.2">
      <c r="A12" s="5" t="s">
        <v>14</v>
      </c>
      <c r="B12" s="10">
        <v>22698</v>
      </c>
      <c r="C12" s="11">
        <v>24846</v>
      </c>
      <c r="D12" s="8">
        <v>47544</v>
      </c>
      <c r="E12" s="9">
        <v>23334</v>
      </c>
    </row>
    <row r="13" spans="1:5" ht="24.75" customHeight="1" x14ac:dyDescent="0.2">
      <c r="A13" s="5" t="s">
        <v>15</v>
      </c>
      <c r="B13" s="10">
        <v>13922</v>
      </c>
      <c r="C13" s="11">
        <v>15988</v>
      </c>
      <c r="D13" s="8">
        <v>29910</v>
      </c>
      <c r="E13" s="9">
        <v>15358</v>
      </c>
    </row>
    <row r="14" spans="1:5" ht="24.75" customHeight="1" x14ac:dyDescent="0.2">
      <c r="A14" s="5" t="s">
        <v>16</v>
      </c>
      <c r="B14" s="10">
        <v>13559</v>
      </c>
      <c r="C14" s="11">
        <v>15415</v>
      </c>
      <c r="D14" s="8">
        <v>28974</v>
      </c>
      <c r="E14" s="9">
        <v>15142</v>
      </c>
    </row>
    <row r="15" spans="1:5" ht="24.75" customHeight="1" x14ac:dyDescent="0.2">
      <c r="A15" s="5" t="s">
        <v>17</v>
      </c>
      <c r="B15" s="10">
        <v>9789</v>
      </c>
      <c r="C15" s="11">
        <v>10893</v>
      </c>
      <c r="D15" s="8">
        <v>20682</v>
      </c>
      <c r="E15" s="9">
        <v>10444</v>
      </c>
    </row>
    <row r="16" spans="1:5" ht="24.75" customHeight="1" x14ac:dyDescent="0.2">
      <c r="A16" s="5" t="s">
        <v>18</v>
      </c>
      <c r="B16" s="10">
        <v>65269</v>
      </c>
      <c r="C16" s="11">
        <v>68549</v>
      </c>
      <c r="D16" s="8">
        <v>133818</v>
      </c>
      <c r="E16" s="9">
        <v>67793</v>
      </c>
    </row>
    <row r="17" spans="1:5" ht="24.75" customHeight="1" x14ac:dyDescent="0.2">
      <c r="A17" s="5" t="s">
        <v>19</v>
      </c>
      <c r="B17" s="12">
        <v>27998</v>
      </c>
      <c r="C17" s="13">
        <v>30513</v>
      </c>
      <c r="D17" s="8">
        <v>58511</v>
      </c>
      <c r="E17" s="9">
        <v>29197</v>
      </c>
    </row>
    <row r="18" spans="1:5" ht="24.75" customHeight="1" x14ac:dyDescent="0.2">
      <c r="A18" s="14" t="s">
        <v>20</v>
      </c>
      <c r="B18" s="15">
        <v>589972</v>
      </c>
      <c r="C18" s="15">
        <v>645790</v>
      </c>
      <c r="D18" s="15">
        <v>1235762</v>
      </c>
      <c r="E18" s="15">
        <v>632469</v>
      </c>
    </row>
    <row r="19" spans="1:5" ht="24.75" customHeight="1" x14ac:dyDescent="0.2">
      <c r="A19" s="16" t="s">
        <v>21</v>
      </c>
      <c r="B19" s="9">
        <v>6248</v>
      </c>
      <c r="C19" s="9">
        <v>7124</v>
      </c>
      <c r="D19" s="8">
        <v>13372</v>
      </c>
      <c r="E19" s="9">
        <v>7922</v>
      </c>
    </row>
    <row r="20" spans="1:5" ht="24.75" customHeight="1" x14ac:dyDescent="0.2">
      <c r="A20" s="16" t="s">
        <v>22</v>
      </c>
      <c r="B20" s="9">
        <v>2778</v>
      </c>
      <c r="C20" s="9">
        <v>2902</v>
      </c>
      <c r="D20" s="8">
        <v>5680</v>
      </c>
      <c r="E20" s="9">
        <v>2609</v>
      </c>
    </row>
    <row r="21" spans="1:5" ht="24.75" customHeight="1" x14ac:dyDescent="0.2">
      <c r="A21" s="16" t="s">
        <v>23</v>
      </c>
      <c r="B21" s="9">
        <v>1028</v>
      </c>
      <c r="C21" s="9">
        <v>1127</v>
      </c>
      <c r="D21" s="8">
        <v>2155</v>
      </c>
      <c r="E21" s="9">
        <v>1314</v>
      </c>
    </row>
    <row r="22" spans="1:5" ht="24.75" customHeight="1" x14ac:dyDescent="0.2">
      <c r="A22" s="16" t="s">
        <v>24</v>
      </c>
      <c r="B22" s="9">
        <v>6704</v>
      </c>
      <c r="C22" s="9">
        <v>7240</v>
      </c>
      <c r="D22" s="8">
        <v>13944</v>
      </c>
      <c r="E22" s="9">
        <v>6881</v>
      </c>
    </row>
    <row r="23" spans="1:5" ht="24.75" customHeight="1" x14ac:dyDescent="0.2">
      <c r="A23" s="16" t="s">
        <v>25</v>
      </c>
      <c r="B23" s="9">
        <v>5017</v>
      </c>
      <c r="C23" s="9">
        <v>5579</v>
      </c>
      <c r="D23" s="8">
        <v>10596</v>
      </c>
      <c r="E23" s="9">
        <v>5345</v>
      </c>
    </row>
    <row r="24" spans="1:5" ht="24.75" customHeight="1" x14ac:dyDescent="0.2">
      <c r="A24" s="16" t="s">
        <v>26</v>
      </c>
      <c r="B24" s="9">
        <v>1320</v>
      </c>
      <c r="C24" s="9">
        <v>1580</v>
      </c>
      <c r="D24" s="8">
        <v>2900</v>
      </c>
      <c r="E24" s="9">
        <v>1453</v>
      </c>
    </row>
    <row r="25" spans="1:5" s="18" customFormat="1" ht="24.75" customHeight="1" x14ac:dyDescent="0.2">
      <c r="A25" s="17" t="s">
        <v>27</v>
      </c>
      <c r="B25" s="15">
        <v>23095</v>
      </c>
      <c r="C25" s="15">
        <v>25552</v>
      </c>
      <c r="D25" s="15">
        <v>48647</v>
      </c>
      <c r="E25" s="15">
        <v>25524</v>
      </c>
    </row>
    <row r="26" spans="1:5" ht="24.75" customHeight="1" x14ac:dyDescent="0.2">
      <c r="A26" s="17" t="s">
        <v>28</v>
      </c>
      <c r="B26" s="15">
        <v>613067</v>
      </c>
      <c r="C26" s="15">
        <v>671342</v>
      </c>
      <c r="D26" s="15">
        <v>1284409</v>
      </c>
      <c r="E26" s="15">
        <v>657993</v>
      </c>
    </row>
    <row r="27" spans="1:5" ht="24.75" customHeight="1" x14ac:dyDescent="0.15">
      <c r="A27" s="19" t="s">
        <v>29</v>
      </c>
    </row>
  </sheetData>
  <sheetProtection selectLockedCells="1"/>
  <mergeCells count="3">
    <mergeCell ref="A1:E1"/>
    <mergeCell ref="A3:A4"/>
    <mergeCell ref="E3:E4"/>
  </mergeCells>
  <phoneticPr fontId="3"/>
  <pageMargins left="0.59055118110236227" right="0.39370078740157483" top="0.98425196850393704" bottom="0.98425196850393704" header="0.51181102362204722" footer="0.51181102362204722"/>
  <pageSetup paperSize="9" scale="103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D150E5-C231-47A1-B02B-B4AFCCDEE779}">
  <dimension ref="A1:E27"/>
  <sheetViews>
    <sheetView view="pageBreakPreview" zoomScale="85" zoomScaleNormal="85" zoomScaleSheetLayoutView="85" workbookViewId="0">
      <selection activeCell="C29" sqref="C29"/>
    </sheetView>
  </sheetViews>
  <sheetFormatPr defaultRowHeight="13.5" x14ac:dyDescent="0.15"/>
  <cols>
    <col min="1" max="1" width="19.25" customWidth="1"/>
    <col min="2" max="3" width="17.125" bestFit="1" customWidth="1"/>
    <col min="4" max="4" width="17.875" customWidth="1"/>
    <col min="5" max="5" width="16.375" customWidth="1"/>
    <col min="257" max="257" width="19.25" customWidth="1"/>
    <col min="258" max="259" width="17.125" bestFit="1" customWidth="1"/>
    <col min="260" max="260" width="17.875" customWidth="1"/>
    <col min="261" max="261" width="16.375" customWidth="1"/>
    <col min="513" max="513" width="19.25" customWidth="1"/>
    <col min="514" max="515" width="17.125" bestFit="1" customWidth="1"/>
    <col min="516" max="516" width="17.875" customWidth="1"/>
    <col min="517" max="517" width="16.375" customWidth="1"/>
    <col min="769" max="769" width="19.25" customWidth="1"/>
    <col min="770" max="771" width="17.125" bestFit="1" customWidth="1"/>
    <col min="772" max="772" width="17.875" customWidth="1"/>
    <col min="773" max="773" width="16.375" customWidth="1"/>
    <col min="1025" max="1025" width="19.25" customWidth="1"/>
    <col min="1026" max="1027" width="17.125" bestFit="1" customWidth="1"/>
    <col min="1028" max="1028" width="17.875" customWidth="1"/>
    <col min="1029" max="1029" width="16.375" customWidth="1"/>
    <col min="1281" max="1281" width="19.25" customWidth="1"/>
    <col min="1282" max="1283" width="17.125" bestFit="1" customWidth="1"/>
    <col min="1284" max="1284" width="17.875" customWidth="1"/>
    <col min="1285" max="1285" width="16.375" customWidth="1"/>
    <col min="1537" max="1537" width="19.25" customWidth="1"/>
    <col min="1538" max="1539" width="17.125" bestFit="1" customWidth="1"/>
    <col min="1540" max="1540" width="17.875" customWidth="1"/>
    <col min="1541" max="1541" width="16.375" customWidth="1"/>
    <col min="1793" max="1793" width="19.25" customWidth="1"/>
    <col min="1794" max="1795" width="17.125" bestFit="1" customWidth="1"/>
    <col min="1796" max="1796" width="17.875" customWidth="1"/>
    <col min="1797" max="1797" width="16.375" customWidth="1"/>
    <col min="2049" max="2049" width="19.25" customWidth="1"/>
    <col min="2050" max="2051" width="17.125" bestFit="1" customWidth="1"/>
    <col min="2052" max="2052" width="17.875" customWidth="1"/>
    <col min="2053" max="2053" width="16.375" customWidth="1"/>
    <col min="2305" max="2305" width="19.25" customWidth="1"/>
    <col min="2306" max="2307" width="17.125" bestFit="1" customWidth="1"/>
    <col min="2308" max="2308" width="17.875" customWidth="1"/>
    <col min="2309" max="2309" width="16.375" customWidth="1"/>
    <col min="2561" max="2561" width="19.25" customWidth="1"/>
    <col min="2562" max="2563" width="17.125" bestFit="1" customWidth="1"/>
    <col min="2564" max="2564" width="17.875" customWidth="1"/>
    <col min="2565" max="2565" width="16.375" customWidth="1"/>
    <col min="2817" max="2817" width="19.25" customWidth="1"/>
    <col min="2818" max="2819" width="17.125" bestFit="1" customWidth="1"/>
    <col min="2820" max="2820" width="17.875" customWidth="1"/>
    <col min="2821" max="2821" width="16.375" customWidth="1"/>
    <col min="3073" max="3073" width="19.25" customWidth="1"/>
    <col min="3074" max="3075" width="17.125" bestFit="1" customWidth="1"/>
    <col min="3076" max="3076" width="17.875" customWidth="1"/>
    <col min="3077" max="3077" width="16.375" customWidth="1"/>
    <col min="3329" max="3329" width="19.25" customWidth="1"/>
    <col min="3330" max="3331" width="17.125" bestFit="1" customWidth="1"/>
    <col min="3332" max="3332" width="17.875" customWidth="1"/>
    <col min="3333" max="3333" width="16.375" customWidth="1"/>
    <col min="3585" max="3585" width="19.25" customWidth="1"/>
    <col min="3586" max="3587" width="17.125" bestFit="1" customWidth="1"/>
    <col min="3588" max="3588" width="17.875" customWidth="1"/>
    <col min="3589" max="3589" width="16.375" customWidth="1"/>
    <col min="3841" max="3841" width="19.25" customWidth="1"/>
    <col min="3842" max="3843" width="17.125" bestFit="1" customWidth="1"/>
    <col min="3844" max="3844" width="17.875" customWidth="1"/>
    <col min="3845" max="3845" width="16.375" customWidth="1"/>
    <col min="4097" max="4097" width="19.25" customWidth="1"/>
    <col min="4098" max="4099" width="17.125" bestFit="1" customWidth="1"/>
    <col min="4100" max="4100" width="17.875" customWidth="1"/>
    <col min="4101" max="4101" width="16.375" customWidth="1"/>
    <col min="4353" max="4353" width="19.25" customWidth="1"/>
    <col min="4354" max="4355" width="17.125" bestFit="1" customWidth="1"/>
    <col min="4356" max="4356" width="17.875" customWidth="1"/>
    <col min="4357" max="4357" width="16.375" customWidth="1"/>
    <col min="4609" max="4609" width="19.25" customWidth="1"/>
    <col min="4610" max="4611" width="17.125" bestFit="1" customWidth="1"/>
    <col min="4612" max="4612" width="17.875" customWidth="1"/>
    <col min="4613" max="4613" width="16.375" customWidth="1"/>
    <col min="4865" max="4865" width="19.25" customWidth="1"/>
    <col min="4866" max="4867" width="17.125" bestFit="1" customWidth="1"/>
    <col min="4868" max="4868" width="17.875" customWidth="1"/>
    <col min="4869" max="4869" width="16.375" customWidth="1"/>
    <col min="5121" max="5121" width="19.25" customWidth="1"/>
    <col min="5122" max="5123" width="17.125" bestFit="1" customWidth="1"/>
    <col min="5124" max="5124" width="17.875" customWidth="1"/>
    <col min="5125" max="5125" width="16.375" customWidth="1"/>
    <col min="5377" max="5377" width="19.25" customWidth="1"/>
    <col min="5378" max="5379" width="17.125" bestFit="1" customWidth="1"/>
    <col min="5380" max="5380" width="17.875" customWidth="1"/>
    <col min="5381" max="5381" width="16.375" customWidth="1"/>
    <col min="5633" max="5633" width="19.25" customWidth="1"/>
    <col min="5634" max="5635" width="17.125" bestFit="1" customWidth="1"/>
    <col min="5636" max="5636" width="17.875" customWidth="1"/>
    <col min="5637" max="5637" width="16.375" customWidth="1"/>
    <col min="5889" max="5889" width="19.25" customWidth="1"/>
    <col min="5890" max="5891" width="17.125" bestFit="1" customWidth="1"/>
    <col min="5892" max="5892" width="17.875" customWidth="1"/>
    <col min="5893" max="5893" width="16.375" customWidth="1"/>
    <col min="6145" max="6145" width="19.25" customWidth="1"/>
    <col min="6146" max="6147" width="17.125" bestFit="1" customWidth="1"/>
    <col min="6148" max="6148" width="17.875" customWidth="1"/>
    <col min="6149" max="6149" width="16.375" customWidth="1"/>
    <col min="6401" max="6401" width="19.25" customWidth="1"/>
    <col min="6402" max="6403" width="17.125" bestFit="1" customWidth="1"/>
    <col min="6404" max="6404" width="17.875" customWidth="1"/>
    <col min="6405" max="6405" width="16.375" customWidth="1"/>
    <col min="6657" max="6657" width="19.25" customWidth="1"/>
    <col min="6658" max="6659" width="17.125" bestFit="1" customWidth="1"/>
    <col min="6660" max="6660" width="17.875" customWidth="1"/>
    <col min="6661" max="6661" width="16.375" customWidth="1"/>
    <col min="6913" max="6913" width="19.25" customWidth="1"/>
    <col min="6914" max="6915" width="17.125" bestFit="1" customWidth="1"/>
    <col min="6916" max="6916" width="17.875" customWidth="1"/>
    <col min="6917" max="6917" width="16.375" customWidth="1"/>
    <col min="7169" max="7169" width="19.25" customWidth="1"/>
    <col min="7170" max="7171" width="17.125" bestFit="1" customWidth="1"/>
    <col min="7172" max="7172" width="17.875" customWidth="1"/>
    <col min="7173" max="7173" width="16.375" customWidth="1"/>
    <col min="7425" max="7425" width="19.25" customWidth="1"/>
    <col min="7426" max="7427" width="17.125" bestFit="1" customWidth="1"/>
    <col min="7428" max="7428" width="17.875" customWidth="1"/>
    <col min="7429" max="7429" width="16.375" customWidth="1"/>
    <col min="7681" max="7681" width="19.25" customWidth="1"/>
    <col min="7682" max="7683" width="17.125" bestFit="1" customWidth="1"/>
    <col min="7684" max="7684" width="17.875" customWidth="1"/>
    <col min="7685" max="7685" width="16.375" customWidth="1"/>
    <col min="7937" max="7937" width="19.25" customWidth="1"/>
    <col min="7938" max="7939" width="17.125" bestFit="1" customWidth="1"/>
    <col min="7940" max="7940" width="17.875" customWidth="1"/>
    <col min="7941" max="7941" width="16.375" customWidth="1"/>
    <col min="8193" max="8193" width="19.25" customWidth="1"/>
    <col min="8194" max="8195" width="17.125" bestFit="1" customWidth="1"/>
    <col min="8196" max="8196" width="17.875" customWidth="1"/>
    <col min="8197" max="8197" width="16.375" customWidth="1"/>
    <col min="8449" max="8449" width="19.25" customWidth="1"/>
    <col min="8450" max="8451" width="17.125" bestFit="1" customWidth="1"/>
    <col min="8452" max="8452" width="17.875" customWidth="1"/>
    <col min="8453" max="8453" width="16.375" customWidth="1"/>
    <col min="8705" max="8705" width="19.25" customWidth="1"/>
    <col min="8706" max="8707" width="17.125" bestFit="1" customWidth="1"/>
    <col min="8708" max="8708" width="17.875" customWidth="1"/>
    <col min="8709" max="8709" width="16.375" customWidth="1"/>
    <col min="8961" max="8961" width="19.25" customWidth="1"/>
    <col min="8962" max="8963" width="17.125" bestFit="1" customWidth="1"/>
    <col min="8964" max="8964" width="17.875" customWidth="1"/>
    <col min="8965" max="8965" width="16.375" customWidth="1"/>
    <col min="9217" max="9217" width="19.25" customWidth="1"/>
    <col min="9218" max="9219" width="17.125" bestFit="1" customWidth="1"/>
    <col min="9220" max="9220" width="17.875" customWidth="1"/>
    <col min="9221" max="9221" width="16.375" customWidth="1"/>
    <col min="9473" max="9473" width="19.25" customWidth="1"/>
    <col min="9474" max="9475" width="17.125" bestFit="1" customWidth="1"/>
    <col min="9476" max="9476" width="17.875" customWidth="1"/>
    <col min="9477" max="9477" width="16.375" customWidth="1"/>
    <col min="9729" max="9729" width="19.25" customWidth="1"/>
    <col min="9730" max="9731" width="17.125" bestFit="1" customWidth="1"/>
    <col min="9732" max="9732" width="17.875" customWidth="1"/>
    <col min="9733" max="9733" width="16.375" customWidth="1"/>
    <col min="9985" max="9985" width="19.25" customWidth="1"/>
    <col min="9986" max="9987" width="17.125" bestFit="1" customWidth="1"/>
    <col min="9988" max="9988" width="17.875" customWidth="1"/>
    <col min="9989" max="9989" width="16.375" customWidth="1"/>
    <col min="10241" max="10241" width="19.25" customWidth="1"/>
    <col min="10242" max="10243" width="17.125" bestFit="1" customWidth="1"/>
    <col min="10244" max="10244" width="17.875" customWidth="1"/>
    <col min="10245" max="10245" width="16.375" customWidth="1"/>
    <col min="10497" max="10497" width="19.25" customWidth="1"/>
    <col min="10498" max="10499" width="17.125" bestFit="1" customWidth="1"/>
    <col min="10500" max="10500" width="17.875" customWidth="1"/>
    <col min="10501" max="10501" width="16.375" customWidth="1"/>
    <col min="10753" max="10753" width="19.25" customWidth="1"/>
    <col min="10754" max="10755" width="17.125" bestFit="1" customWidth="1"/>
    <col min="10756" max="10756" width="17.875" customWidth="1"/>
    <col min="10757" max="10757" width="16.375" customWidth="1"/>
    <col min="11009" max="11009" width="19.25" customWidth="1"/>
    <col min="11010" max="11011" width="17.125" bestFit="1" customWidth="1"/>
    <col min="11012" max="11012" width="17.875" customWidth="1"/>
    <col min="11013" max="11013" width="16.375" customWidth="1"/>
    <col min="11265" max="11265" width="19.25" customWidth="1"/>
    <col min="11266" max="11267" width="17.125" bestFit="1" customWidth="1"/>
    <col min="11268" max="11268" width="17.875" customWidth="1"/>
    <col min="11269" max="11269" width="16.375" customWidth="1"/>
    <col min="11521" max="11521" width="19.25" customWidth="1"/>
    <col min="11522" max="11523" width="17.125" bestFit="1" customWidth="1"/>
    <col min="11524" max="11524" width="17.875" customWidth="1"/>
    <col min="11525" max="11525" width="16.375" customWidth="1"/>
    <col min="11777" max="11777" width="19.25" customWidth="1"/>
    <col min="11778" max="11779" width="17.125" bestFit="1" customWidth="1"/>
    <col min="11780" max="11780" width="17.875" customWidth="1"/>
    <col min="11781" max="11781" width="16.375" customWidth="1"/>
    <col min="12033" max="12033" width="19.25" customWidth="1"/>
    <col min="12034" max="12035" width="17.125" bestFit="1" customWidth="1"/>
    <col min="12036" max="12036" width="17.875" customWidth="1"/>
    <col min="12037" max="12037" width="16.375" customWidth="1"/>
    <col min="12289" max="12289" width="19.25" customWidth="1"/>
    <col min="12290" max="12291" width="17.125" bestFit="1" customWidth="1"/>
    <col min="12292" max="12292" width="17.875" customWidth="1"/>
    <col min="12293" max="12293" width="16.375" customWidth="1"/>
    <col min="12545" max="12545" width="19.25" customWidth="1"/>
    <col min="12546" max="12547" width="17.125" bestFit="1" customWidth="1"/>
    <col min="12548" max="12548" width="17.875" customWidth="1"/>
    <col min="12549" max="12549" width="16.375" customWidth="1"/>
    <col min="12801" max="12801" width="19.25" customWidth="1"/>
    <col min="12802" max="12803" width="17.125" bestFit="1" customWidth="1"/>
    <col min="12804" max="12804" width="17.875" customWidth="1"/>
    <col min="12805" max="12805" width="16.375" customWidth="1"/>
    <col min="13057" max="13057" width="19.25" customWidth="1"/>
    <col min="13058" max="13059" width="17.125" bestFit="1" customWidth="1"/>
    <col min="13060" max="13060" width="17.875" customWidth="1"/>
    <col min="13061" max="13061" width="16.375" customWidth="1"/>
    <col min="13313" max="13313" width="19.25" customWidth="1"/>
    <col min="13314" max="13315" width="17.125" bestFit="1" customWidth="1"/>
    <col min="13316" max="13316" width="17.875" customWidth="1"/>
    <col min="13317" max="13317" width="16.375" customWidth="1"/>
    <col min="13569" max="13569" width="19.25" customWidth="1"/>
    <col min="13570" max="13571" width="17.125" bestFit="1" customWidth="1"/>
    <col min="13572" max="13572" width="17.875" customWidth="1"/>
    <col min="13573" max="13573" width="16.375" customWidth="1"/>
    <col min="13825" max="13825" width="19.25" customWidth="1"/>
    <col min="13826" max="13827" width="17.125" bestFit="1" customWidth="1"/>
    <col min="13828" max="13828" width="17.875" customWidth="1"/>
    <col min="13829" max="13829" width="16.375" customWidth="1"/>
    <col min="14081" max="14081" width="19.25" customWidth="1"/>
    <col min="14082" max="14083" width="17.125" bestFit="1" customWidth="1"/>
    <col min="14084" max="14084" width="17.875" customWidth="1"/>
    <col min="14085" max="14085" width="16.375" customWidth="1"/>
    <col min="14337" max="14337" width="19.25" customWidth="1"/>
    <col min="14338" max="14339" width="17.125" bestFit="1" customWidth="1"/>
    <col min="14340" max="14340" width="17.875" customWidth="1"/>
    <col min="14341" max="14341" width="16.375" customWidth="1"/>
    <col min="14593" max="14593" width="19.25" customWidth="1"/>
    <col min="14594" max="14595" width="17.125" bestFit="1" customWidth="1"/>
    <col min="14596" max="14596" width="17.875" customWidth="1"/>
    <col min="14597" max="14597" width="16.375" customWidth="1"/>
    <col min="14849" max="14849" width="19.25" customWidth="1"/>
    <col min="14850" max="14851" width="17.125" bestFit="1" customWidth="1"/>
    <col min="14852" max="14852" width="17.875" customWidth="1"/>
    <col min="14853" max="14853" width="16.375" customWidth="1"/>
    <col min="15105" max="15105" width="19.25" customWidth="1"/>
    <col min="15106" max="15107" width="17.125" bestFit="1" customWidth="1"/>
    <col min="15108" max="15108" width="17.875" customWidth="1"/>
    <col min="15109" max="15109" width="16.375" customWidth="1"/>
    <col min="15361" max="15361" width="19.25" customWidth="1"/>
    <col min="15362" max="15363" width="17.125" bestFit="1" customWidth="1"/>
    <col min="15364" max="15364" width="17.875" customWidth="1"/>
    <col min="15365" max="15365" width="16.375" customWidth="1"/>
    <col min="15617" max="15617" width="19.25" customWidth="1"/>
    <col min="15618" max="15619" width="17.125" bestFit="1" customWidth="1"/>
    <col min="15620" max="15620" width="17.875" customWidth="1"/>
    <col min="15621" max="15621" width="16.375" customWidth="1"/>
    <col min="15873" max="15873" width="19.25" customWidth="1"/>
    <col min="15874" max="15875" width="17.125" bestFit="1" customWidth="1"/>
    <col min="15876" max="15876" width="17.875" customWidth="1"/>
    <col min="15877" max="15877" width="16.375" customWidth="1"/>
    <col min="16129" max="16129" width="19.25" customWidth="1"/>
    <col min="16130" max="16131" width="17.125" bestFit="1" customWidth="1"/>
    <col min="16132" max="16132" width="17.875" customWidth="1"/>
    <col min="16133" max="16133" width="16.375" customWidth="1"/>
  </cols>
  <sheetData>
    <row r="1" spans="1:5" ht="24" x14ac:dyDescent="0.15">
      <c r="A1" s="20" t="s">
        <v>30</v>
      </c>
      <c r="B1" s="20"/>
      <c r="C1" s="20"/>
      <c r="D1" s="20"/>
      <c r="E1" s="20"/>
    </row>
    <row r="2" spans="1:5" x14ac:dyDescent="0.15">
      <c r="B2" s="1"/>
      <c r="C2" s="1" t="s">
        <v>1</v>
      </c>
      <c r="D2" s="1"/>
      <c r="E2" s="1"/>
    </row>
    <row r="3" spans="1:5" ht="24.75" customHeight="1" x14ac:dyDescent="0.15">
      <c r="A3" s="21"/>
      <c r="B3" s="2" t="s">
        <v>2</v>
      </c>
      <c r="C3" s="3"/>
      <c r="D3" s="3"/>
      <c r="E3" s="22" t="s">
        <v>3</v>
      </c>
    </row>
    <row r="4" spans="1:5" ht="24.75" customHeight="1" x14ac:dyDescent="0.15">
      <c r="A4" s="21"/>
      <c r="B4" s="4" t="s">
        <v>4</v>
      </c>
      <c r="C4" s="4" t="s">
        <v>5</v>
      </c>
      <c r="D4" s="4" t="s">
        <v>6</v>
      </c>
      <c r="E4" s="23"/>
    </row>
    <row r="5" spans="1:5" ht="24.75" customHeight="1" x14ac:dyDescent="0.2">
      <c r="A5" s="5" t="s">
        <v>7</v>
      </c>
      <c r="B5" s="6">
        <v>112625</v>
      </c>
      <c r="C5" s="7">
        <v>128647</v>
      </c>
      <c r="D5" s="8">
        <v>241272</v>
      </c>
      <c r="E5" s="9">
        <v>127834</v>
      </c>
    </row>
    <row r="6" spans="1:5" ht="24.75" customHeight="1" x14ac:dyDescent="0.2">
      <c r="A6" s="5" t="s">
        <v>8</v>
      </c>
      <c r="B6" s="10">
        <v>74250</v>
      </c>
      <c r="C6" s="11">
        <v>80924</v>
      </c>
      <c r="D6" s="8">
        <v>155174</v>
      </c>
      <c r="E6" s="9">
        <v>79802</v>
      </c>
    </row>
    <row r="7" spans="1:5" ht="24.75" customHeight="1" x14ac:dyDescent="0.2">
      <c r="A7" s="5" t="s">
        <v>9</v>
      </c>
      <c r="B7" s="10">
        <v>88445</v>
      </c>
      <c r="C7" s="11">
        <v>96613</v>
      </c>
      <c r="D7" s="8">
        <v>185058</v>
      </c>
      <c r="E7" s="9">
        <v>91821</v>
      </c>
    </row>
    <row r="8" spans="1:5" ht="24.75" customHeight="1" x14ac:dyDescent="0.2">
      <c r="A8" s="5" t="s">
        <v>10</v>
      </c>
      <c r="B8" s="10">
        <v>19015</v>
      </c>
      <c r="C8" s="11">
        <v>21919</v>
      </c>
      <c r="D8" s="8">
        <v>40934</v>
      </c>
      <c r="E8" s="9">
        <v>22172</v>
      </c>
    </row>
    <row r="9" spans="1:5" ht="24.75" customHeight="1" x14ac:dyDescent="0.2">
      <c r="A9" s="5" t="s">
        <v>11</v>
      </c>
      <c r="B9" s="10">
        <v>55309</v>
      </c>
      <c r="C9" s="11">
        <v>57776</v>
      </c>
      <c r="D9" s="8">
        <v>113085</v>
      </c>
      <c r="E9" s="9">
        <v>57853</v>
      </c>
    </row>
    <row r="10" spans="1:5" ht="24.75" customHeight="1" x14ac:dyDescent="0.2">
      <c r="A10" s="5" t="s">
        <v>12</v>
      </c>
      <c r="B10" s="10">
        <v>27801</v>
      </c>
      <c r="C10" s="11">
        <v>28556</v>
      </c>
      <c r="D10" s="8">
        <v>56357</v>
      </c>
      <c r="E10" s="9">
        <v>27023</v>
      </c>
    </row>
    <row r="11" spans="1:5" ht="24.75" customHeight="1" x14ac:dyDescent="0.2">
      <c r="A11" s="5" t="s">
        <v>13</v>
      </c>
      <c r="B11" s="10">
        <v>58787</v>
      </c>
      <c r="C11" s="11">
        <v>64615</v>
      </c>
      <c r="D11" s="8">
        <v>123402</v>
      </c>
      <c r="E11" s="9">
        <v>64434</v>
      </c>
    </row>
    <row r="12" spans="1:5" ht="24.75" customHeight="1" x14ac:dyDescent="0.2">
      <c r="A12" s="5" t="s">
        <v>14</v>
      </c>
      <c r="B12" s="10">
        <v>22681</v>
      </c>
      <c r="C12" s="11">
        <v>24820</v>
      </c>
      <c r="D12" s="8">
        <v>47501</v>
      </c>
      <c r="E12" s="9">
        <v>23322</v>
      </c>
    </row>
    <row r="13" spans="1:5" ht="24.75" customHeight="1" x14ac:dyDescent="0.2">
      <c r="A13" s="5" t="s">
        <v>15</v>
      </c>
      <c r="B13" s="10">
        <v>13889</v>
      </c>
      <c r="C13" s="11">
        <v>15981</v>
      </c>
      <c r="D13" s="8">
        <v>29870</v>
      </c>
      <c r="E13" s="9">
        <v>15354</v>
      </c>
    </row>
    <row r="14" spans="1:5" ht="24.75" customHeight="1" x14ac:dyDescent="0.2">
      <c r="A14" s="5" t="s">
        <v>16</v>
      </c>
      <c r="B14" s="10">
        <v>13538</v>
      </c>
      <c r="C14" s="11">
        <v>15382</v>
      </c>
      <c r="D14" s="8">
        <v>28920</v>
      </c>
      <c r="E14" s="9">
        <v>15116</v>
      </c>
    </row>
    <row r="15" spans="1:5" ht="24.75" customHeight="1" x14ac:dyDescent="0.2">
      <c r="A15" s="5" t="s">
        <v>17</v>
      </c>
      <c r="B15" s="10">
        <v>9755</v>
      </c>
      <c r="C15" s="11">
        <v>10873</v>
      </c>
      <c r="D15" s="8">
        <v>20628</v>
      </c>
      <c r="E15" s="9">
        <v>10425</v>
      </c>
    </row>
    <row r="16" spans="1:5" ht="24.75" customHeight="1" x14ac:dyDescent="0.2">
      <c r="A16" s="5" t="s">
        <v>18</v>
      </c>
      <c r="B16" s="10">
        <v>65303</v>
      </c>
      <c r="C16" s="11">
        <v>68484</v>
      </c>
      <c r="D16" s="8">
        <v>133787</v>
      </c>
      <c r="E16" s="9">
        <v>67853</v>
      </c>
    </row>
    <row r="17" spans="1:5" ht="24.75" customHeight="1" x14ac:dyDescent="0.2">
      <c r="A17" s="5" t="s">
        <v>19</v>
      </c>
      <c r="B17" s="12">
        <v>27983</v>
      </c>
      <c r="C17" s="13">
        <v>30462</v>
      </c>
      <c r="D17" s="8">
        <v>58445</v>
      </c>
      <c r="E17" s="9">
        <v>29187</v>
      </c>
    </row>
    <row r="18" spans="1:5" ht="24.75" customHeight="1" x14ac:dyDescent="0.2">
      <c r="A18" s="14" t="s">
        <v>20</v>
      </c>
      <c r="B18" s="15">
        <v>589381</v>
      </c>
      <c r="C18" s="15">
        <v>645052</v>
      </c>
      <c r="D18" s="15">
        <v>1234433</v>
      </c>
      <c r="E18" s="15">
        <v>632196</v>
      </c>
    </row>
    <row r="19" spans="1:5" ht="24.75" customHeight="1" x14ac:dyDescent="0.2">
      <c r="A19" s="16" t="s">
        <v>21</v>
      </c>
      <c r="B19" s="9">
        <v>6241</v>
      </c>
      <c r="C19" s="9">
        <v>7103</v>
      </c>
      <c r="D19" s="8">
        <v>13344</v>
      </c>
      <c r="E19" s="9">
        <v>7908</v>
      </c>
    </row>
    <row r="20" spans="1:5" ht="24.75" customHeight="1" x14ac:dyDescent="0.2">
      <c r="A20" s="16" t="s">
        <v>22</v>
      </c>
      <c r="B20" s="9">
        <v>2769</v>
      </c>
      <c r="C20" s="9">
        <v>2893</v>
      </c>
      <c r="D20" s="8">
        <v>5662</v>
      </c>
      <c r="E20" s="9">
        <v>2599</v>
      </c>
    </row>
    <row r="21" spans="1:5" ht="24.75" customHeight="1" x14ac:dyDescent="0.2">
      <c r="A21" s="16" t="s">
        <v>23</v>
      </c>
      <c r="B21" s="9">
        <v>1027</v>
      </c>
      <c r="C21" s="9">
        <v>1124</v>
      </c>
      <c r="D21" s="8">
        <v>2151</v>
      </c>
      <c r="E21" s="9">
        <v>1312</v>
      </c>
    </row>
    <row r="22" spans="1:5" ht="24.75" customHeight="1" x14ac:dyDescent="0.2">
      <c r="A22" s="16" t="s">
        <v>24</v>
      </c>
      <c r="B22" s="9">
        <v>6705</v>
      </c>
      <c r="C22" s="9">
        <v>7224</v>
      </c>
      <c r="D22" s="8">
        <v>13929</v>
      </c>
      <c r="E22" s="9">
        <v>6877</v>
      </c>
    </row>
    <row r="23" spans="1:5" ht="24.75" customHeight="1" x14ac:dyDescent="0.2">
      <c r="A23" s="16" t="s">
        <v>25</v>
      </c>
      <c r="B23" s="9">
        <v>5012</v>
      </c>
      <c r="C23" s="9">
        <v>5569</v>
      </c>
      <c r="D23" s="8">
        <v>10581</v>
      </c>
      <c r="E23" s="9">
        <v>5341</v>
      </c>
    </row>
    <row r="24" spans="1:5" ht="24.75" customHeight="1" x14ac:dyDescent="0.2">
      <c r="A24" s="16" t="s">
        <v>26</v>
      </c>
      <c r="B24" s="9">
        <v>1319</v>
      </c>
      <c r="C24" s="9">
        <v>1573</v>
      </c>
      <c r="D24" s="8">
        <v>2892</v>
      </c>
      <c r="E24" s="9">
        <v>1449</v>
      </c>
    </row>
    <row r="25" spans="1:5" s="18" customFormat="1" ht="24.75" customHeight="1" x14ac:dyDescent="0.2">
      <c r="A25" s="17" t="s">
        <v>27</v>
      </c>
      <c r="B25" s="15">
        <v>23073</v>
      </c>
      <c r="C25" s="15">
        <v>25486</v>
      </c>
      <c r="D25" s="15">
        <v>48559</v>
      </c>
      <c r="E25" s="15">
        <v>25486</v>
      </c>
    </row>
    <row r="26" spans="1:5" ht="24.75" customHeight="1" x14ac:dyDescent="0.2">
      <c r="A26" s="17" t="s">
        <v>28</v>
      </c>
      <c r="B26" s="15">
        <v>612454</v>
      </c>
      <c r="C26" s="15">
        <v>670538</v>
      </c>
      <c r="D26" s="15">
        <v>1282992</v>
      </c>
      <c r="E26" s="15">
        <v>657682</v>
      </c>
    </row>
    <row r="27" spans="1:5" ht="24.75" customHeight="1" x14ac:dyDescent="0.15">
      <c r="A27" s="19" t="s">
        <v>29</v>
      </c>
    </row>
  </sheetData>
  <sheetProtection selectLockedCells="1"/>
  <mergeCells count="3">
    <mergeCell ref="A1:E1"/>
    <mergeCell ref="A3:A4"/>
    <mergeCell ref="E3:E4"/>
  </mergeCells>
  <phoneticPr fontId="3"/>
  <pageMargins left="0.59055118110236227" right="0.39370078740157483" top="0.98425196850393704" bottom="0.98425196850393704" header="0.51181102362204722" footer="0.51181102362204722"/>
  <pageSetup paperSize="9" scale="103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231DB6-AF49-43C5-96AE-AD0CA94802CF}">
  <dimension ref="A1:E27"/>
  <sheetViews>
    <sheetView view="pageBreakPreview" zoomScale="85" zoomScaleNormal="85" zoomScaleSheetLayoutView="85" workbookViewId="0">
      <selection activeCell="A3" sqref="A3:A4"/>
    </sheetView>
  </sheetViews>
  <sheetFormatPr defaultRowHeight="13.5" x14ac:dyDescent="0.15"/>
  <cols>
    <col min="1" max="1" width="19.25" customWidth="1"/>
    <col min="2" max="3" width="17.125" bestFit="1" customWidth="1"/>
    <col min="4" max="4" width="17.875" customWidth="1"/>
    <col min="5" max="5" width="16.375" customWidth="1"/>
    <col min="257" max="257" width="19.25" customWidth="1"/>
    <col min="258" max="259" width="17.125" bestFit="1" customWidth="1"/>
    <col min="260" max="260" width="17.875" customWidth="1"/>
    <col min="261" max="261" width="16.375" customWidth="1"/>
    <col min="513" max="513" width="19.25" customWidth="1"/>
    <col min="514" max="515" width="17.125" bestFit="1" customWidth="1"/>
    <col min="516" max="516" width="17.875" customWidth="1"/>
    <col min="517" max="517" width="16.375" customWidth="1"/>
    <col min="769" max="769" width="19.25" customWidth="1"/>
    <col min="770" max="771" width="17.125" bestFit="1" customWidth="1"/>
    <col min="772" max="772" width="17.875" customWidth="1"/>
    <col min="773" max="773" width="16.375" customWidth="1"/>
    <col min="1025" max="1025" width="19.25" customWidth="1"/>
    <col min="1026" max="1027" width="17.125" bestFit="1" customWidth="1"/>
    <col min="1028" max="1028" width="17.875" customWidth="1"/>
    <col min="1029" max="1029" width="16.375" customWidth="1"/>
    <col min="1281" max="1281" width="19.25" customWidth="1"/>
    <col min="1282" max="1283" width="17.125" bestFit="1" customWidth="1"/>
    <col min="1284" max="1284" width="17.875" customWidth="1"/>
    <col min="1285" max="1285" width="16.375" customWidth="1"/>
    <col min="1537" max="1537" width="19.25" customWidth="1"/>
    <col min="1538" max="1539" width="17.125" bestFit="1" customWidth="1"/>
    <col min="1540" max="1540" width="17.875" customWidth="1"/>
    <col min="1541" max="1541" width="16.375" customWidth="1"/>
    <col min="1793" max="1793" width="19.25" customWidth="1"/>
    <col min="1794" max="1795" width="17.125" bestFit="1" customWidth="1"/>
    <col min="1796" max="1796" width="17.875" customWidth="1"/>
    <col min="1797" max="1797" width="16.375" customWidth="1"/>
    <col min="2049" max="2049" width="19.25" customWidth="1"/>
    <col min="2050" max="2051" width="17.125" bestFit="1" customWidth="1"/>
    <col min="2052" max="2052" width="17.875" customWidth="1"/>
    <col min="2053" max="2053" width="16.375" customWidth="1"/>
    <col min="2305" max="2305" width="19.25" customWidth="1"/>
    <col min="2306" max="2307" width="17.125" bestFit="1" customWidth="1"/>
    <col min="2308" max="2308" width="17.875" customWidth="1"/>
    <col min="2309" max="2309" width="16.375" customWidth="1"/>
    <col min="2561" max="2561" width="19.25" customWidth="1"/>
    <col min="2562" max="2563" width="17.125" bestFit="1" customWidth="1"/>
    <col min="2564" max="2564" width="17.875" customWidth="1"/>
    <col min="2565" max="2565" width="16.375" customWidth="1"/>
    <col min="2817" max="2817" width="19.25" customWidth="1"/>
    <col min="2818" max="2819" width="17.125" bestFit="1" customWidth="1"/>
    <col min="2820" max="2820" width="17.875" customWidth="1"/>
    <col min="2821" max="2821" width="16.375" customWidth="1"/>
    <col min="3073" max="3073" width="19.25" customWidth="1"/>
    <col min="3074" max="3075" width="17.125" bestFit="1" customWidth="1"/>
    <col min="3076" max="3076" width="17.875" customWidth="1"/>
    <col min="3077" max="3077" width="16.375" customWidth="1"/>
    <col min="3329" max="3329" width="19.25" customWidth="1"/>
    <col min="3330" max="3331" width="17.125" bestFit="1" customWidth="1"/>
    <col min="3332" max="3332" width="17.875" customWidth="1"/>
    <col min="3333" max="3333" width="16.375" customWidth="1"/>
    <col min="3585" max="3585" width="19.25" customWidth="1"/>
    <col min="3586" max="3587" width="17.125" bestFit="1" customWidth="1"/>
    <col min="3588" max="3588" width="17.875" customWidth="1"/>
    <col min="3589" max="3589" width="16.375" customWidth="1"/>
    <col min="3841" max="3841" width="19.25" customWidth="1"/>
    <col min="3842" max="3843" width="17.125" bestFit="1" customWidth="1"/>
    <col min="3844" max="3844" width="17.875" customWidth="1"/>
    <col min="3845" max="3845" width="16.375" customWidth="1"/>
    <col min="4097" max="4097" width="19.25" customWidth="1"/>
    <col min="4098" max="4099" width="17.125" bestFit="1" customWidth="1"/>
    <col min="4100" max="4100" width="17.875" customWidth="1"/>
    <col min="4101" max="4101" width="16.375" customWidth="1"/>
    <col min="4353" max="4353" width="19.25" customWidth="1"/>
    <col min="4354" max="4355" width="17.125" bestFit="1" customWidth="1"/>
    <col min="4356" max="4356" width="17.875" customWidth="1"/>
    <col min="4357" max="4357" width="16.375" customWidth="1"/>
    <col min="4609" max="4609" width="19.25" customWidth="1"/>
    <col min="4610" max="4611" width="17.125" bestFit="1" customWidth="1"/>
    <col min="4612" max="4612" width="17.875" customWidth="1"/>
    <col min="4613" max="4613" width="16.375" customWidth="1"/>
    <col min="4865" max="4865" width="19.25" customWidth="1"/>
    <col min="4866" max="4867" width="17.125" bestFit="1" customWidth="1"/>
    <col min="4868" max="4868" width="17.875" customWidth="1"/>
    <col min="4869" max="4869" width="16.375" customWidth="1"/>
    <col min="5121" max="5121" width="19.25" customWidth="1"/>
    <col min="5122" max="5123" width="17.125" bestFit="1" customWidth="1"/>
    <col min="5124" max="5124" width="17.875" customWidth="1"/>
    <col min="5125" max="5125" width="16.375" customWidth="1"/>
    <col min="5377" max="5377" width="19.25" customWidth="1"/>
    <col min="5378" max="5379" width="17.125" bestFit="1" customWidth="1"/>
    <col min="5380" max="5380" width="17.875" customWidth="1"/>
    <col min="5381" max="5381" width="16.375" customWidth="1"/>
    <col min="5633" max="5633" width="19.25" customWidth="1"/>
    <col min="5634" max="5635" width="17.125" bestFit="1" customWidth="1"/>
    <col min="5636" max="5636" width="17.875" customWidth="1"/>
    <col min="5637" max="5637" width="16.375" customWidth="1"/>
    <col min="5889" max="5889" width="19.25" customWidth="1"/>
    <col min="5890" max="5891" width="17.125" bestFit="1" customWidth="1"/>
    <col min="5892" max="5892" width="17.875" customWidth="1"/>
    <col min="5893" max="5893" width="16.375" customWidth="1"/>
    <col min="6145" max="6145" width="19.25" customWidth="1"/>
    <col min="6146" max="6147" width="17.125" bestFit="1" customWidth="1"/>
    <col min="6148" max="6148" width="17.875" customWidth="1"/>
    <col min="6149" max="6149" width="16.375" customWidth="1"/>
    <col min="6401" max="6401" width="19.25" customWidth="1"/>
    <col min="6402" max="6403" width="17.125" bestFit="1" customWidth="1"/>
    <col min="6404" max="6404" width="17.875" customWidth="1"/>
    <col min="6405" max="6405" width="16.375" customWidth="1"/>
    <col min="6657" max="6657" width="19.25" customWidth="1"/>
    <col min="6658" max="6659" width="17.125" bestFit="1" customWidth="1"/>
    <col min="6660" max="6660" width="17.875" customWidth="1"/>
    <col min="6661" max="6661" width="16.375" customWidth="1"/>
    <col min="6913" max="6913" width="19.25" customWidth="1"/>
    <col min="6914" max="6915" width="17.125" bestFit="1" customWidth="1"/>
    <col min="6916" max="6916" width="17.875" customWidth="1"/>
    <col min="6917" max="6917" width="16.375" customWidth="1"/>
    <col min="7169" max="7169" width="19.25" customWidth="1"/>
    <col min="7170" max="7171" width="17.125" bestFit="1" customWidth="1"/>
    <col min="7172" max="7172" width="17.875" customWidth="1"/>
    <col min="7173" max="7173" width="16.375" customWidth="1"/>
    <col min="7425" max="7425" width="19.25" customWidth="1"/>
    <col min="7426" max="7427" width="17.125" bestFit="1" customWidth="1"/>
    <col min="7428" max="7428" width="17.875" customWidth="1"/>
    <col min="7429" max="7429" width="16.375" customWidth="1"/>
    <col min="7681" max="7681" width="19.25" customWidth="1"/>
    <col min="7682" max="7683" width="17.125" bestFit="1" customWidth="1"/>
    <col min="7684" max="7684" width="17.875" customWidth="1"/>
    <col min="7685" max="7685" width="16.375" customWidth="1"/>
    <col min="7937" max="7937" width="19.25" customWidth="1"/>
    <col min="7938" max="7939" width="17.125" bestFit="1" customWidth="1"/>
    <col min="7940" max="7940" width="17.875" customWidth="1"/>
    <col min="7941" max="7941" width="16.375" customWidth="1"/>
    <col min="8193" max="8193" width="19.25" customWidth="1"/>
    <col min="8194" max="8195" width="17.125" bestFit="1" customWidth="1"/>
    <col min="8196" max="8196" width="17.875" customWidth="1"/>
    <col min="8197" max="8197" width="16.375" customWidth="1"/>
    <col min="8449" max="8449" width="19.25" customWidth="1"/>
    <col min="8450" max="8451" width="17.125" bestFit="1" customWidth="1"/>
    <col min="8452" max="8452" width="17.875" customWidth="1"/>
    <col min="8453" max="8453" width="16.375" customWidth="1"/>
    <col min="8705" max="8705" width="19.25" customWidth="1"/>
    <col min="8706" max="8707" width="17.125" bestFit="1" customWidth="1"/>
    <col min="8708" max="8708" width="17.875" customWidth="1"/>
    <col min="8709" max="8709" width="16.375" customWidth="1"/>
    <col min="8961" max="8961" width="19.25" customWidth="1"/>
    <col min="8962" max="8963" width="17.125" bestFit="1" customWidth="1"/>
    <col min="8964" max="8964" width="17.875" customWidth="1"/>
    <col min="8965" max="8965" width="16.375" customWidth="1"/>
    <col min="9217" max="9217" width="19.25" customWidth="1"/>
    <col min="9218" max="9219" width="17.125" bestFit="1" customWidth="1"/>
    <col min="9220" max="9220" width="17.875" customWidth="1"/>
    <col min="9221" max="9221" width="16.375" customWidth="1"/>
    <col min="9473" max="9473" width="19.25" customWidth="1"/>
    <col min="9474" max="9475" width="17.125" bestFit="1" customWidth="1"/>
    <col min="9476" max="9476" width="17.875" customWidth="1"/>
    <col min="9477" max="9477" width="16.375" customWidth="1"/>
    <col min="9729" max="9729" width="19.25" customWidth="1"/>
    <col min="9730" max="9731" width="17.125" bestFit="1" customWidth="1"/>
    <col min="9732" max="9732" width="17.875" customWidth="1"/>
    <col min="9733" max="9733" width="16.375" customWidth="1"/>
    <col min="9985" max="9985" width="19.25" customWidth="1"/>
    <col min="9986" max="9987" width="17.125" bestFit="1" customWidth="1"/>
    <col min="9988" max="9988" width="17.875" customWidth="1"/>
    <col min="9989" max="9989" width="16.375" customWidth="1"/>
    <col min="10241" max="10241" width="19.25" customWidth="1"/>
    <col min="10242" max="10243" width="17.125" bestFit="1" customWidth="1"/>
    <col min="10244" max="10244" width="17.875" customWidth="1"/>
    <col min="10245" max="10245" width="16.375" customWidth="1"/>
    <col min="10497" max="10497" width="19.25" customWidth="1"/>
    <col min="10498" max="10499" width="17.125" bestFit="1" customWidth="1"/>
    <col min="10500" max="10500" width="17.875" customWidth="1"/>
    <col min="10501" max="10501" width="16.375" customWidth="1"/>
    <col min="10753" max="10753" width="19.25" customWidth="1"/>
    <col min="10754" max="10755" width="17.125" bestFit="1" customWidth="1"/>
    <col min="10756" max="10756" width="17.875" customWidth="1"/>
    <col min="10757" max="10757" width="16.375" customWidth="1"/>
    <col min="11009" max="11009" width="19.25" customWidth="1"/>
    <col min="11010" max="11011" width="17.125" bestFit="1" customWidth="1"/>
    <col min="11012" max="11012" width="17.875" customWidth="1"/>
    <col min="11013" max="11013" width="16.375" customWidth="1"/>
    <col min="11265" max="11265" width="19.25" customWidth="1"/>
    <col min="11266" max="11267" width="17.125" bestFit="1" customWidth="1"/>
    <col min="11268" max="11268" width="17.875" customWidth="1"/>
    <col min="11269" max="11269" width="16.375" customWidth="1"/>
    <col min="11521" max="11521" width="19.25" customWidth="1"/>
    <col min="11522" max="11523" width="17.125" bestFit="1" customWidth="1"/>
    <col min="11524" max="11524" width="17.875" customWidth="1"/>
    <col min="11525" max="11525" width="16.375" customWidth="1"/>
    <col min="11777" max="11777" width="19.25" customWidth="1"/>
    <col min="11778" max="11779" width="17.125" bestFit="1" customWidth="1"/>
    <col min="11780" max="11780" width="17.875" customWidth="1"/>
    <col min="11781" max="11781" width="16.375" customWidth="1"/>
    <col min="12033" max="12033" width="19.25" customWidth="1"/>
    <col min="12034" max="12035" width="17.125" bestFit="1" customWidth="1"/>
    <col min="12036" max="12036" width="17.875" customWidth="1"/>
    <col min="12037" max="12037" width="16.375" customWidth="1"/>
    <col min="12289" max="12289" width="19.25" customWidth="1"/>
    <col min="12290" max="12291" width="17.125" bestFit="1" customWidth="1"/>
    <col min="12292" max="12292" width="17.875" customWidth="1"/>
    <col min="12293" max="12293" width="16.375" customWidth="1"/>
    <col min="12545" max="12545" width="19.25" customWidth="1"/>
    <col min="12546" max="12547" width="17.125" bestFit="1" customWidth="1"/>
    <col min="12548" max="12548" width="17.875" customWidth="1"/>
    <col min="12549" max="12549" width="16.375" customWidth="1"/>
    <col min="12801" max="12801" width="19.25" customWidth="1"/>
    <col min="12802" max="12803" width="17.125" bestFit="1" customWidth="1"/>
    <col min="12804" max="12804" width="17.875" customWidth="1"/>
    <col min="12805" max="12805" width="16.375" customWidth="1"/>
    <col min="13057" max="13057" width="19.25" customWidth="1"/>
    <col min="13058" max="13059" width="17.125" bestFit="1" customWidth="1"/>
    <col min="13060" max="13060" width="17.875" customWidth="1"/>
    <col min="13061" max="13061" width="16.375" customWidth="1"/>
    <col min="13313" max="13313" width="19.25" customWidth="1"/>
    <col min="13314" max="13315" width="17.125" bestFit="1" customWidth="1"/>
    <col min="13316" max="13316" width="17.875" customWidth="1"/>
    <col min="13317" max="13317" width="16.375" customWidth="1"/>
    <col min="13569" max="13569" width="19.25" customWidth="1"/>
    <col min="13570" max="13571" width="17.125" bestFit="1" customWidth="1"/>
    <col min="13572" max="13572" width="17.875" customWidth="1"/>
    <col min="13573" max="13573" width="16.375" customWidth="1"/>
    <col min="13825" max="13825" width="19.25" customWidth="1"/>
    <col min="13826" max="13827" width="17.125" bestFit="1" customWidth="1"/>
    <col min="13828" max="13828" width="17.875" customWidth="1"/>
    <col min="13829" max="13829" width="16.375" customWidth="1"/>
    <col min="14081" max="14081" width="19.25" customWidth="1"/>
    <col min="14082" max="14083" width="17.125" bestFit="1" customWidth="1"/>
    <col min="14084" max="14084" width="17.875" customWidth="1"/>
    <col min="14085" max="14085" width="16.375" customWidth="1"/>
    <col min="14337" max="14337" width="19.25" customWidth="1"/>
    <col min="14338" max="14339" width="17.125" bestFit="1" customWidth="1"/>
    <col min="14340" max="14340" width="17.875" customWidth="1"/>
    <col min="14341" max="14341" width="16.375" customWidth="1"/>
    <col min="14593" max="14593" width="19.25" customWidth="1"/>
    <col min="14594" max="14595" width="17.125" bestFit="1" customWidth="1"/>
    <col min="14596" max="14596" width="17.875" customWidth="1"/>
    <col min="14597" max="14597" width="16.375" customWidth="1"/>
    <col min="14849" max="14849" width="19.25" customWidth="1"/>
    <col min="14850" max="14851" width="17.125" bestFit="1" customWidth="1"/>
    <col min="14852" max="14852" width="17.875" customWidth="1"/>
    <col min="14853" max="14853" width="16.375" customWidth="1"/>
    <col min="15105" max="15105" width="19.25" customWidth="1"/>
    <col min="15106" max="15107" width="17.125" bestFit="1" customWidth="1"/>
    <col min="15108" max="15108" width="17.875" customWidth="1"/>
    <col min="15109" max="15109" width="16.375" customWidth="1"/>
    <col min="15361" max="15361" width="19.25" customWidth="1"/>
    <col min="15362" max="15363" width="17.125" bestFit="1" customWidth="1"/>
    <col min="15364" max="15364" width="17.875" customWidth="1"/>
    <col min="15365" max="15365" width="16.375" customWidth="1"/>
    <col min="15617" max="15617" width="19.25" customWidth="1"/>
    <col min="15618" max="15619" width="17.125" bestFit="1" customWidth="1"/>
    <col min="15620" max="15620" width="17.875" customWidth="1"/>
    <col min="15621" max="15621" width="16.375" customWidth="1"/>
    <col min="15873" max="15873" width="19.25" customWidth="1"/>
    <col min="15874" max="15875" width="17.125" bestFit="1" customWidth="1"/>
    <col min="15876" max="15876" width="17.875" customWidth="1"/>
    <col min="15877" max="15877" width="16.375" customWidth="1"/>
    <col min="16129" max="16129" width="19.25" customWidth="1"/>
    <col min="16130" max="16131" width="17.125" bestFit="1" customWidth="1"/>
    <col min="16132" max="16132" width="17.875" customWidth="1"/>
    <col min="16133" max="16133" width="16.375" customWidth="1"/>
  </cols>
  <sheetData>
    <row r="1" spans="1:5" ht="24" x14ac:dyDescent="0.15">
      <c r="A1" s="20" t="s">
        <v>31</v>
      </c>
      <c r="B1" s="20"/>
      <c r="C1" s="20"/>
      <c r="D1" s="20"/>
      <c r="E1" s="20"/>
    </row>
    <row r="2" spans="1:5" x14ac:dyDescent="0.15">
      <c r="B2" s="1"/>
      <c r="C2" s="1" t="s">
        <v>1</v>
      </c>
      <c r="D2" s="1"/>
      <c r="E2" s="1"/>
    </row>
    <row r="3" spans="1:5" ht="24.75" customHeight="1" x14ac:dyDescent="0.15">
      <c r="A3" s="21"/>
      <c r="B3" s="2" t="s">
        <v>2</v>
      </c>
      <c r="C3" s="3"/>
      <c r="D3" s="3"/>
      <c r="E3" s="22" t="s">
        <v>3</v>
      </c>
    </row>
    <row r="4" spans="1:5" ht="24.75" customHeight="1" x14ac:dyDescent="0.15">
      <c r="A4" s="21"/>
      <c r="B4" s="4" t="s">
        <v>4</v>
      </c>
      <c r="C4" s="4" t="s">
        <v>5</v>
      </c>
      <c r="D4" s="4" t="s">
        <v>6</v>
      </c>
      <c r="E4" s="23"/>
    </row>
    <row r="5" spans="1:5" ht="24.75" customHeight="1" x14ac:dyDescent="0.2">
      <c r="A5" s="5" t="s">
        <v>7</v>
      </c>
      <c r="B5" s="6">
        <v>112536</v>
      </c>
      <c r="C5" s="7">
        <v>128495</v>
      </c>
      <c r="D5" s="8">
        <v>241031</v>
      </c>
      <c r="E5" s="9">
        <v>127755</v>
      </c>
    </row>
    <row r="6" spans="1:5" ht="24.75" customHeight="1" x14ac:dyDescent="0.2">
      <c r="A6" s="5" t="s">
        <v>8</v>
      </c>
      <c r="B6" s="10">
        <v>74174</v>
      </c>
      <c r="C6" s="11">
        <v>80888</v>
      </c>
      <c r="D6" s="8">
        <v>155062</v>
      </c>
      <c r="E6" s="9">
        <v>79820</v>
      </c>
    </row>
    <row r="7" spans="1:5" ht="24.75" customHeight="1" x14ac:dyDescent="0.2">
      <c r="A7" s="5" t="s">
        <v>9</v>
      </c>
      <c r="B7" s="10">
        <v>88391</v>
      </c>
      <c r="C7" s="11">
        <v>96574</v>
      </c>
      <c r="D7" s="8">
        <v>184965</v>
      </c>
      <c r="E7" s="9">
        <v>91833</v>
      </c>
    </row>
    <row r="8" spans="1:5" ht="24.75" customHeight="1" x14ac:dyDescent="0.2">
      <c r="A8" s="5" t="s">
        <v>10</v>
      </c>
      <c r="B8" s="10">
        <v>18987</v>
      </c>
      <c r="C8" s="11">
        <v>21881</v>
      </c>
      <c r="D8" s="8">
        <v>40868</v>
      </c>
      <c r="E8" s="9">
        <v>22152</v>
      </c>
    </row>
    <row r="9" spans="1:5" ht="24.75" customHeight="1" x14ac:dyDescent="0.2">
      <c r="A9" s="5" t="s">
        <v>11</v>
      </c>
      <c r="B9" s="10">
        <v>55251</v>
      </c>
      <c r="C9" s="11">
        <v>57699</v>
      </c>
      <c r="D9" s="8">
        <v>112950</v>
      </c>
      <c r="E9" s="9">
        <v>57758</v>
      </c>
    </row>
    <row r="10" spans="1:5" ht="24.75" customHeight="1" x14ac:dyDescent="0.2">
      <c r="A10" s="5" t="s">
        <v>12</v>
      </c>
      <c r="B10" s="10">
        <v>27812</v>
      </c>
      <c r="C10" s="11">
        <v>28535</v>
      </c>
      <c r="D10" s="8">
        <v>56347</v>
      </c>
      <c r="E10" s="9">
        <v>27026</v>
      </c>
    </row>
    <row r="11" spans="1:5" ht="24.75" customHeight="1" x14ac:dyDescent="0.2">
      <c r="A11" s="5" t="s">
        <v>13</v>
      </c>
      <c r="B11" s="10">
        <v>58750</v>
      </c>
      <c r="C11" s="11">
        <v>64574</v>
      </c>
      <c r="D11" s="8">
        <v>123324</v>
      </c>
      <c r="E11" s="9">
        <v>64395</v>
      </c>
    </row>
    <row r="12" spans="1:5" ht="24.75" customHeight="1" x14ac:dyDescent="0.2">
      <c r="A12" s="5" t="s">
        <v>14</v>
      </c>
      <c r="B12" s="10">
        <v>22665</v>
      </c>
      <c r="C12" s="11">
        <v>24812</v>
      </c>
      <c r="D12" s="8">
        <v>47477</v>
      </c>
      <c r="E12" s="9">
        <v>23333</v>
      </c>
    </row>
    <row r="13" spans="1:5" ht="24.75" customHeight="1" x14ac:dyDescent="0.2">
      <c r="A13" s="5" t="s">
        <v>15</v>
      </c>
      <c r="B13" s="10">
        <v>13867</v>
      </c>
      <c r="C13" s="11">
        <v>15959</v>
      </c>
      <c r="D13" s="8">
        <v>29826</v>
      </c>
      <c r="E13" s="9">
        <v>15349</v>
      </c>
    </row>
    <row r="14" spans="1:5" ht="24.75" customHeight="1" x14ac:dyDescent="0.2">
      <c r="A14" s="5" t="s">
        <v>16</v>
      </c>
      <c r="B14" s="10">
        <v>13510</v>
      </c>
      <c r="C14" s="11">
        <v>15370</v>
      </c>
      <c r="D14" s="8">
        <v>28880</v>
      </c>
      <c r="E14" s="9">
        <v>15105</v>
      </c>
    </row>
    <row r="15" spans="1:5" ht="24.75" customHeight="1" x14ac:dyDescent="0.2">
      <c r="A15" s="5" t="s">
        <v>17</v>
      </c>
      <c r="B15" s="10">
        <v>9741</v>
      </c>
      <c r="C15" s="11">
        <v>10842</v>
      </c>
      <c r="D15" s="8">
        <v>20583</v>
      </c>
      <c r="E15" s="9">
        <v>10414</v>
      </c>
    </row>
    <row r="16" spans="1:5" ht="24.75" customHeight="1" x14ac:dyDescent="0.2">
      <c r="A16" s="5" t="s">
        <v>18</v>
      </c>
      <c r="B16" s="10">
        <v>65265</v>
      </c>
      <c r="C16" s="11">
        <v>68416</v>
      </c>
      <c r="D16" s="8">
        <v>133681</v>
      </c>
      <c r="E16" s="9">
        <v>67820</v>
      </c>
    </row>
    <row r="17" spans="1:5" ht="24.75" customHeight="1" x14ac:dyDescent="0.2">
      <c r="A17" s="5" t="s">
        <v>19</v>
      </c>
      <c r="B17" s="12">
        <v>27956</v>
      </c>
      <c r="C17" s="13">
        <v>30440</v>
      </c>
      <c r="D17" s="8">
        <v>58396</v>
      </c>
      <c r="E17" s="9">
        <v>29174</v>
      </c>
    </row>
    <row r="18" spans="1:5" ht="24.75" customHeight="1" x14ac:dyDescent="0.2">
      <c r="A18" s="14" t="s">
        <v>20</v>
      </c>
      <c r="B18" s="15">
        <v>588905</v>
      </c>
      <c r="C18" s="15">
        <v>644485</v>
      </c>
      <c r="D18" s="15">
        <v>1233390</v>
      </c>
      <c r="E18" s="15">
        <v>631934</v>
      </c>
    </row>
    <row r="19" spans="1:5" ht="24.75" customHeight="1" x14ac:dyDescent="0.2">
      <c r="A19" s="16" t="s">
        <v>21</v>
      </c>
      <c r="B19" s="9">
        <v>6223</v>
      </c>
      <c r="C19" s="9">
        <v>7085</v>
      </c>
      <c r="D19" s="8">
        <v>13308</v>
      </c>
      <c r="E19" s="9">
        <v>7892</v>
      </c>
    </row>
    <row r="20" spans="1:5" ht="24.75" customHeight="1" x14ac:dyDescent="0.2">
      <c r="A20" s="16" t="s">
        <v>22</v>
      </c>
      <c r="B20" s="9">
        <v>2766</v>
      </c>
      <c r="C20" s="9">
        <v>2888</v>
      </c>
      <c r="D20" s="8">
        <v>5654</v>
      </c>
      <c r="E20" s="9">
        <v>2584</v>
      </c>
    </row>
    <row r="21" spans="1:5" ht="24.75" customHeight="1" x14ac:dyDescent="0.2">
      <c r="A21" s="16" t="s">
        <v>23</v>
      </c>
      <c r="B21" s="9">
        <v>1023</v>
      </c>
      <c r="C21" s="9">
        <v>1123</v>
      </c>
      <c r="D21" s="8">
        <v>2146</v>
      </c>
      <c r="E21" s="9">
        <v>1315</v>
      </c>
    </row>
    <row r="22" spans="1:5" ht="24.75" customHeight="1" x14ac:dyDescent="0.2">
      <c r="A22" s="16" t="s">
        <v>24</v>
      </c>
      <c r="B22" s="9">
        <v>6691</v>
      </c>
      <c r="C22" s="9">
        <v>7229</v>
      </c>
      <c r="D22" s="8">
        <v>13920</v>
      </c>
      <c r="E22" s="9">
        <v>6879</v>
      </c>
    </row>
    <row r="23" spans="1:5" ht="24.75" customHeight="1" x14ac:dyDescent="0.2">
      <c r="A23" s="16" t="s">
        <v>25</v>
      </c>
      <c r="B23" s="9">
        <v>5007</v>
      </c>
      <c r="C23" s="9">
        <v>5569</v>
      </c>
      <c r="D23" s="8">
        <v>10576</v>
      </c>
      <c r="E23" s="9">
        <v>5345</v>
      </c>
    </row>
    <row r="24" spans="1:5" ht="24.75" customHeight="1" x14ac:dyDescent="0.2">
      <c r="A24" s="16" t="s">
        <v>26</v>
      </c>
      <c r="B24" s="9">
        <v>1311</v>
      </c>
      <c r="C24" s="9">
        <v>1568</v>
      </c>
      <c r="D24" s="8">
        <v>2879</v>
      </c>
      <c r="E24" s="9">
        <v>1443</v>
      </c>
    </row>
    <row r="25" spans="1:5" s="18" customFormat="1" ht="24.75" customHeight="1" x14ac:dyDescent="0.2">
      <c r="A25" s="17" t="s">
        <v>27</v>
      </c>
      <c r="B25" s="15">
        <v>23021</v>
      </c>
      <c r="C25" s="15">
        <v>25462</v>
      </c>
      <c r="D25" s="15">
        <v>48483</v>
      </c>
      <c r="E25" s="15">
        <v>25458</v>
      </c>
    </row>
    <row r="26" spans="1:5" ht="24.75" customHeight="1" x14ac:dyDescent="0.2">
      <c r="A26" s="17" t="s">
        <v>28</v>
      </c>
      <c r="B26" s="15">
        <v>611926</v>
      </c>
      <c r="C26" s="15">
        <v>669947</v>
      </c>
      <c r="D26" s="15">
        <v>1281873</v>
      </c>
      <c r="E26" s="15">
        <v>657392</v>
      </c>
    </row>
    <row r="27" spans="1:5" ht="24.75" customHeight="1" x14ac:dyDescent="0.15">
      <c r="A27" s="19" t="s">
        <v>29</v>
      </c>
    </row>
  </sheetData>
  <sheetProtection selectLockedCells="1"/>
  <mergeCells count="3">
    <mergeCell ref="A1:E1"/>
    <mergeCell ref="A3:A4"/>
    <mergeCell ref="E3:E4"/>
  </mergeCells>
  <phoneticPr fontId="3"/>
  <pageMargins left="0.59055118110236227" right="0.39370078740157483" top="0.98425196850393704" bottom="0.98425196850393704" header="0.51181102362204722" footer="0.51181102362204722"/>
  <pageSetup paperSize="9" scale="103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F42C1B-D272-49BF-BC18-A62F1BEC23D9}">
  <dimension ref="A1:E27"/>
  <sheetViews>
    <sheetView view="pageBreakPreview" zoomScale="85" zoomScaleNormal="85" zoomScaleSheetLayoutView="85" workbookViewId="0">
      <selection sqref="A1:E1"/>
    </sheetView>
  </sheetViews>
  <sheetFormatPr defaultRowHeight="13.5" x14ac:dyDescent="0.15"/>
  <cols>
    <col min="1" max="1" width="19.25" customWidth="1"/>
    <col min="2" max="3" width="17.125" bestFit="1" customWidth="1"/>
    <col min="4" max="4" width="17.875" customWidth="1"/>
    <col min="5" max="5" width="16.375" customWidth="1"/>
    <col min="257" max="257" width="19.25" customWidth="1"/>
    <col min="258" max="259" width="17.125" bestFit="1" customWidth="1"/>
    <col min="260" max="260" width="17.875" customWidth="1"/>
    <col min="261" max="261" width="16.375" customWidth="1"/>
    <col min="513" max="513" width="19.25" customWidth="1"/>
    <col min="514" max="515" width="17.125" bestFit="1" customWidth="1"/>
    <col min="516" max="516" width="17.875" customWidth="1"/>
    <col min="517" max="517" width="16.375" customWidth="1"/>
    <col min="769" max="769" width="19.25" customWidth="1"/>
    <col min="770" max="771" width="17.125" bestFit="1" customWidth="1"/>
    <col min="772" max="772" width="17.875" customWidth="1"/>
    <col min="773" max="773" width="16.375" customWidth="1"/>
    <col min="1025" max="1025" width="19.25" customWidth="1"/>
    <col min="1026" max="1027" width="17.125" bestFit="1" customWidth="1"/>
    <col min="1028" max="1028" width="17.875" customWidth="1"/>
    <col min="1029" max="1029" width="16.375" customWidth="1"/>
    <col min="1281" max="1281" width="19.25" customWidth="1"/>
    <col min="1282" max="1283" width="17.125" bestFit="1" customWidth="1"/>
    <col min="1284" max="1284" width="17.875" customWidth="1"/>
    <col min="1285" max="1285" width="16.375" customWidth="1"/>
    <col min="1537" max="1537" width="19.25" customWidth="1"/>
    <col min="1538" max="1539" width="17.125" bestFit="1" customWidth="1"/>
    <col min="1540" max="1540" width="17.875" customWidth="1"/>
    <col min="1541" max="1541" width="16.375" customWidth="1"/>
    <col min="1793" max="1793" width="19.25" customWidth="1"/>
    <col min="1794" max="1795" width="17.125" bestFit="1" customWidth="1"/>
    <col min="1796" max="1796" width="17.875" customWidth="1"/>
    <col min="1797" max="1797" width="16.375" customWidth="1"/>
    <col min="2049" max="2049" width="19.25" customWidth="1"/>
    <col min="2050" max="2051" width="17.125" bestFit="1" customWidth="1"/>
    <col min="2052" max="2052" width="17.875" customWidth="1"/>
    <col min="2053" max="2053" width="16.375" customWidth="1"/>
    <col min="2305" max="2305" width="19.25" customWidth="1"/>
    <col min="2306" max="2307" width="17.125" bestFit="1" customWidth="1"/>
    <col min="2308" max="2308" width="17.875" customWidth="1"/>
    <col min="2309" max="2309" width="16.375" customWidth="1"/>
    <col min="2561" max="2561" width="19.25" customWidth="1"/>
    <col min="2562" max="2563" width="17.125" bestFit="1" customWidth="1"/>
    <col min="2564" max="2564" width="17.875" customWidth="1"/>
    <col min="2565" max="2565" width="16.375" customWidth="1"/>
    <col min="2817" max="2817" width="19.25" customWidth="1"/>
    <col min="2818" max="2819" width="17.125" bestFit="1" customWidth="1"/>
    <col min="2820" max="2820" width="17.875" customWidth="1"/>
    <col min="2821" max="2821" width="16.375" customWidth="1"/>
    <col min="3073" max="3073" width="19.25" customWidth="1"/>
    <col min="3074" max="3075" width="17.125" bestFit="1" customWidth="1"/>
    <col min="3076" max="3076" width="17.875" customWidth="1"/>
    <col min="3077" max="3077" width="16.375" customWidth="1"/>
    <col min="3329" max="3329" width="19.25" customWidth="1"/>
    <col min="3330" max="3331" width="17.125" bestFit="1" customWidth="1"/>
    <col min="3332" max="3332" width="17.875" customWidth="1"/>
    <col min="3333" max="3333" width="16.375" customWidth="1"/>
    <col min="3585" max="3585" width="19.25" customWidth="1"/>
    <col min="3586" max="3587" width="17.125" bestFit="1" customWidth="1"/>
    <col min="3588" max="3588" width="17.875" customWidth="1"/>
    <col min="3589" max="3589" width="16.375" customWidth="1"/>
    <col min="3841" max="3841" width="19.25" customWidth="1"/>
    <col min="3842" max="3843" width="17.125" bestFit="1" customWidth="1"/>
    <col min="3844" max="3844" width="17.875" customWidth="1"/>
    <col min="3845" max="3845" width="16.375" customWidth="1"/>
    <col min="4097" max="4097" width="19.25" customWidth="1"/>
    <col min="4098" max="4099" width="17.125" bestFit="1" customWidth="1"/>
    <col min="4100" max="4100" width="17.875" customWidth="1"/>
    <col min="4101" max="4101" width="16.375" customWidth="1"/>
    <col min="4353" max="4353" width="19.25" customWidth="1"/>
    <col min="4354" max="4355" width="17.125" bestFit="1" customWidth="1"/>
    <col min="4356" max="4356" width="17.875" customWidth="1"/>
    <col min="4357" max="4357" width="16.375" customWidth="1"/>
    <col min="4609" max="4609" width="19.25" customWidth="1"/>
    <col min="4610" max="4611" width="17.125" bestFit="1" customWidth="1"/>
    <col min="4612" max="4612" width="17.875" customWidth="1"/>
    <col min="4613" max="4613" width="16.375" customWidth="1"/>
    <col min="4865" max="4865" width="19.25" customWidth="1"/>
    <col min="4866" max="4867" width="17.125" bestFit="1" customWidth="1"/>
    <col min="4868" max="4868" width="17.875" customWidth="1"/>
    <col min="4869" max="4869" width="16.375" customWidth="1"/>
    <col min="5121" max="5121" width="19.25" customWidth="1"/>
    <col min="5122" max="5123" width="17.125" bestFit="1" customWidth="1"/>
    <col min="5124" max="5124" width="17.875" customWidth="1"/>
    <col min="5125" max="5125" width="16.375" customWidth="1"/>
    <col min="5377" max="5377" width="19.25" customWidth="1"/>
    <col min="5378" max="5379" width="17.125" bestFit="1" customWidth="1"/>
    <col min="5380" max="5380" width="17.875" customWidth="1"/>
    <col min="5381" max="5381" width="16.375" customWidth="1"/>
    <col min="5633" max="5633" width="19.25" customWidth="1"/>
    <col min="5634" max="5635" width="17.125" bestFit="1" customWidth="1"/>
    <col min="5636" max="5636" width="17.875" customWidth="1"/>
    <col min="5637" max="5637" width="16.375" customWidth="1"/>
    <col min="5889" max="5889" width="19.25" customWidth="1"/>
    <col min="5890" max="5891" width="17.125" bestFit="1" customWidth="1"/>
    <col min="5892" max="5892" width="17.875" customWidth="1"/>
    <col min="5893" max="5893" width="16.375" customWidth="1"/>
    <col min="6145" max="6145" width="19.25" customWidth="1"/>
    <col min="6146" max="6147" width="17.125" bestFit="1" customWidth="1"/>
    <col min="6148" max="6148" width="17.875" customWidth="1"/>
    <col min="6149" max="6149" width="16.375" customWidth="1"/>
    <col min="6401" max="6401" width="19.25" customWidth="1"/>
    <col min="6402" max="6403" width="17.125" bestFit="1" customWidth="1"/>
    <col min="6404" max="6404" width="17.875" customWidth="1"/>
    <col min="6405" max="6405" width="16.375" customWidth="1"/>
    <col min="6657" max="6657" width="19.25" customWidth="1"/>
    <col min="6658" max="6659" width="17.125" bestFit="1" customWidth="1"/>
    <col min="6660" max="6660" width="17.875" customWidth="1"/>
    <col min="6661" max="6661" width="16.375" customWidth="1"/>
    <col min="6913" max="6913" width="19.25" customWidth="1"/>
    <col min="6914" max="6915" width="17.125" bestFit="1" customWidth="1"/>
    <col min="6916" max="6916" width="17.875" customWidth="1"/>
    <col min="6917" max="6917" width="16.375" customWidth="1"/>
    <col min="7169" max="7169" width="19.25" customWidth="1"/>
    <col min="7170" max="7171" width="17.125" bestFit="1" customWidth="1"/>
    <col min="7172" max="7172" width="17.875" customWidth="1"/>
    <col min="7173" max="7173" width="16.375" customWidth="1"/>
    <col min="7425" max="7425" width="19.25" customWidth="1"/>
    <col min="7426" max="7427" width="17.125" bestFit="1" customWidth="1"/>
    <col min="7428" max="7428" width="17.875" customWidth="1"/>
    <col min="7429" max="7429" width="16.375" customWidth="1"/>
    <col min="7681" max="7681" width="19.25" customWidth="1"/>
    <col min="7682" max="7683" width="17.125" bestFit="1" customWidth="1"/>
    <col min="7684" max="7684" width="17.875" customWidth="1"/>
    <col min="7685" max="7685" width="16.375" customWidth="1"/>
    <col min="7937" max="7937" width="19.25" customWidth="1"/>
    <col min="7938" max="7939" width="17.125" bestFit="1" customWidth="1"/>
    <col min="7940" max="7940" width="17.875" customWidth="1"/>
    <col min="7941" max="7941" width="16.375" customWidth="1"/>
    <col min="8193" max="8193" width="19.25" customWidth="1"/>
    <col min="8194" max="8195" width="17.125" bestFit="1" customWidth="1"/>
    <col min="8196" max="8196" width="17.875" customWidth="1"/>
    <col min="8197" max="8197" width="16.375" customWidth="1"/>
    <col min="8449" max="8449" width="19.25" customWidth="1"/>
    <col min="8450" max="8451" width="17.125" bestFit="1" customWidth="1"/>
    <col min="8452" max="8452" width="17.875" customWidth="1"/>
    <col min="8453" max="8453" width="16.375" customWidth="1"/>
    <col min="8705" max="8705" width="19.25" customWidth="1"/>
    <col min="8706" max="8707" width="17.125" bestFit="1" customWidth="1"/>
    <col min="8708" max="8708" width="17.875" customWidth="1"/>
    <col min="8709" max="8709" width="16.375" customWidth="1"/>
    <col min="8961" max="8961" width="19.25" customWidth="1"/>
    <col min="8962" max="8963" width="17.125" bestFit="1" customWidth="1"/>
    <col min="8964" max="8964" width="17.875" customWidth="1"/>
    <col min="8965" max="8965" width="16.375" customWidth="1"/>
    <col min="9217" max="9217" width="19.25" customWidth="1"/>
    <col min="9218" max="9219" width="17.125" bestFit="1" customWidth="1"/>
    <col min="9220" max="9220" width="17.875" customWidth="1"/>
    <col min="9221" max="9221" width="16.375" customWidth="1"/>
    <col min="9473" max="9473" width="19.25" customWidth="1"/>
    <col min="9474" max="9475" width="17.125" bestFit="1" customWidth="1"/>
    <col min="9476" max="9476" width="17.875" customWidth="1"/>
    <col min="9477" max="9477" width="16.375" customWidth="1"/>
    <col min="9729" max="9729" width="19.25" customWidth="1"/>
    <col min="9730" max="9731" width="17.125" bestFit="1" customWidth="1"/>
    <col min="9732" max="9732" width="17.875" customWidth="1"/>
    <col min="9733" max="9733" width="16.375" customWidth="1"/>
    <col min="9985" max="9985" width="19.25" customWidth="1"/>
    <col min="9986" max="9987" width="17.125" bestFit="1" customWidth="1"/>
    <col min="9988" max="9988" width="17.875" customWidth="1"/>
    <col min="9989" max="9989" width="16.375" customWidth="1"/>
    <col min="10241" max="10241" width="19.25" customWidth="1"/>
    <col min="10242" max="10243" width="17.125" bestFit="1" customWidth="1"/>
    <col min="10244" max="10244" width="17.875" customWidth="1"/>
    <col min="10245" max="10245" width="16.375" customWidth="1"/>
    <col min="10497" max="10497" width="19.25" customWidth="1"/>
    <col min="10498" max="10499" width="17.125" bestFit="1" customWidth="1"/>
    <col min="10500" max="10500" width="17.875" customWidth="1"/>
    <col min="10501" max="10501" width="16.375" customWidth="1"/>
    <col min="10753" max="10753" width="19.25" customWidth="1"/>
    <col min="10754" max="10755" width="17.125" bestFit="1" customWidth="1"/>
    <col min="10756" max="10756" width="17.875" customWidth="1"/>
    <col min="10757" max="10757" width="16.375" customWidth="1"/>
    <col min="11009" max="11009" width="19.25" customWidth="1"/>
    <col min="11010" max="11011" width="17.125" bestFit="1" customWidth="1"/>
    <col min="11012" max="11012" width="17.875" customWidth="1"/>
    <col min="11013" max="11013" width="16.375" customWidth="1"/>
    <col min="11265" max="11265" width="19.25" customWidth="1"/>
    <col min="11266" max="11267" width="17.125" bestFit="1" customWidth="1"/>
    <col min="11268" max="11268" width="17.875" customWidth="1"/>
    <col min="11269" max="11269" width="16.375" customWidth="1"/>
    <col min="11521" max="11521" width="19.25" customWidth="1"/>
    <col min="11522" max="11523" width="17.125" bestFit="1" customWidth="1"/>
    <col min="11524" max="11524" width="17.875" customWidth="1"/>
    <col min="11525" max="11525" width="16.375" customWidth="1"/>
    <col min="11777" max="11777" width="19.25" customWidth="1"/>
    <col min="11778" max="11779" width="17.125" bestFit="1" customWidth="1"/>
    <col min="11780" max="11780" width="17.875" customWidth="1"/>
    <col min="11781" max="11781" width="16.375" customWidth="1"/>
    <col min="12033" max="12033" width="19.25" customWidth="1"/>
    <col min="12034" max="12035" width="17.125" bestFit="1" customWidth="1"/>
    <col min="12036" max="12036" width="17.875" customWidth="1"/>
    <col min="12037" max="12037" width="16.375" customWidth="1"/>
    <col min="12289" max="12289" width="19.25" customWidth="1"/>
    <col min="12290" max="12291" width="17.125" bestFit="1" customWidth="1"/>
    <col min="12292" max="12292" width="17.875" customWidth="1"/>
    <col min="12293" max="12293" width="16.375" customWidth="1"/>
    <col min="12545" max="12545" width="19.25" customWidth="1"/>
    <col min="12546" max="12547" width="17.125" bestFit="1" customWidth="1"/>
    <col min="12548" max="12548" width="17.875" customWidth="1"/>
    <col min="12549" max="12549" width="16.375" customWidth="1"/>
    <col min="12801" max="12801" width="19.25" customWidth="1"/>
    <col min="12802" max="12803" width="17.125" bestFit="1" customWidth="1"/>
    <col min="12804" max="12804" width="17.875" customWidth="1"/>
    <col min="12805" max="12805" width="16.375" customWidth="1"/>
    <col min="13057" max="13057" width="19.25" customWidth="1"/>
    <col min="13058" max="13059" width="17.125" bestFit="1" customWidth="1"/>
    <col min="13060" max="13060" width="17.875" customWidth="1"/>
    <col min="13061" max="13061" width="16.375" customWidth="1"/>
    <col min="13313" max="13313" width="19.25" customWidth="1"/>
    <col min="13314" max="13315" width="17.125" bestFit="1" customWidth="1"/>
    <col min="13316" max="13316" width="17.875" customWidth="1"/>
    <col min="13317" max="13317" width="16.375" customWidth="1"/>
    <col min="13569" max="13569" width="19.25" customWidth="1"/>
    <col min="13570" max="13571" width="17.125" bestFit="1" customWidth="1"/>
    <col min="13572" max="13572" width="17.875" customWidth="1"/>
    <col min="13573" max="13573" width="16.375" customWidth="1"/>
    <col min="13825" max="13825" width="19.25" customWidth="1"/>
    <col min="13826" max="13827" width="17.125" bestFit="1" customWidth="1"/>
    <col min="13828" max="13828" width="17.875" customWidth="1"/>
    <col min="13829" max="13829" width="16.375" customWidth="1"/>
    <col min="14081" max="14081" width="19.25" customWidth="1"/>
    <col min="14082" max="14083" width="17.125" bestFit="1" customWidth="1"/>
    <col min="14084" max="14084" width="17.875" customWidth="1"/>
    <col min="14085" max="14085" width="16.375" customWidth="1"/>
    <col min="14337" max="14337" width="19.25" customWidth="1"/>
    <col min="14338" max="14339" width="17.125" bestFit="1" customWidth="1"/>
    <col min="14340" max="14340" width="17.875" customWidth="1"/>
    <col min="14341" max="14341" width="16.375" customWidth="1"/>
    <col min="14593" max="14593" width="19.25" customWidth="1"/>
    <col min="14594" max="14595" width="17.125" bestFit="1" customWidth="1"/>
    <col min="14596" max="14596" width="17.875" customWidth="1"/>
    <col min="14597" max="14597" width="16.375" customWidth="1"/>
    <col min="14849" max="14849" width="19.25" customWidth="1"/>
    <col min="14850" max="14851" width="17.125" bestFit="1" customWidth="1"/>
    <col min="14852" max="14852" width="17.875" customWidth="1"/>
    <col min="14853" max="14853" width="16.375" customWidth="1"/>
    <col min="15105" max="15105" width="19.25" customWidth="1"/>
    <col min="15106" max="15107" width="17.125" bestFit="1" customWidth="1"/>
    <col min="15108" max="15108" width="17.875" customWidth="1"/>
    <col min="15109" max="15109" width="16.375" customWidth="1"/>
    <col min="15361" max="15361" width="19.25" customWidth="1"/>
    <col min="15362" max="15363" width="17.125" bestFit="1" customWidth="1"/>
    <col min="15364" max="15364" width="17.875" customWidth="1"/>
    <col min="15365" max="15365" width="16.375" customWidth="1"/>
    <col min="15617" max="15617" width="19.25" customWidth="1"/>
    <col min="15618" max="15619" width="17.125" bestFit="1" customWidth="1"/>
    <col min="15620" max="15620" width="17.875" customWidth="1"/>
    <col min="15621" max="15621" width="16.375" customWidth="1"/>
    <col min="15873" max="15873" width="19.25" customWidth="1"/>
    <col min="15874" max="15875" width="17.125" bestFit="1" customWidth="1"/>
    <col min="15876" max="15876" width="17.875" customWidth="1"/>
    <col min="15877" max="15877" width="16.375" customWidth="1"/>
    <col min="16129" max="16129" width="19.25" customWidth="1"/>
    <col min="16130" max="16131" width="17.125" bestFit="1" customWidth="1"/>
    <col min="16132" max="16132" width="17.875" customWidth="1"/>
    <col min="16133" max="16133" width="16.375" customWidth="1"/>
  </cols>
  <sheetData>
    <row r="1" spans="1:5" ht="24" x14ac:dyDescent="0.15">
      <c r="A1" s="20" t="s">
        <v>32</v>
      </c>
      <c r="B1" s="20"/>
      <c r="C1" s="20"/>
      <c r="D1" s="20"/>
      <c r="E1" s="20"/>
    </row>
    <row r="2" spans="1:5" x14ac:dyDescent="0.15">
      <c r="B2" s="1"/>
      <c r="C2" s="1" t="s">
        <v>1</v>
      </c>
      <c r="D2" s="1"/>
      <c r="E2" s="1"/>
    </row>
    <row r="3" spans="1:5" ht="24.75" customHeight="1" x14ac:dyDescent="0.15">
      <c r="A3" s="21"/>
      <c r="B3" s="2" t="s">
        <v>2</v>
      </c>
      <c r="C3" s="3"/>
      <c r="D3" s="3"/>
      <c r="E3" s="22" t="s">
        <v>3</v>
      </c>
    </row>
    <row r="4" spans="1:5" ht="24.75" customHeight="1" x14ac:dyDescent="0.15">
      <c r="A4" s="21"/>
      <c r="B4" s="4" t="s">
        <v>4</v>
      </c>
      <c r="C4" s="4" t="s">
        <v>5</v>
      </c>
      <c r="D4" s="4" t="s">
        <v>6</v>
      </c>
      <c r="E4" s="23"/>
    </row>
    <row r="5" spans="1:5" ht="24.75" customHeight="1" x14ac:dyDescent="0.2">
      <c r="A5" s="5" t="s">
        <v>7</v>
      </c>
      <c r="B5" s="6">
        <v>112417</v>
      </c>
      <c r="C5" s="7">
        <v>128337</v>
      </c>
      <c r="D5" s="8">
        <v>240754</v>
      </c>
      <c r="E5" s="9">
        <v>127680</v>
      </c>
    </row>
    <row r="6" spans="1:5" ht="24.75" customHeight="1" x14ac:dyDescent="0.2">
      <c r="A6" s="5" t="s">
        <v>8</v>
      </c>
      <c r="B6" s="10">
        <v>74124</v>
      </c>
      <c r="C6" s="11">
        <v>80803</v>
      </c>
      <c r="D6" s="8">
        <v>154927</v>
      </c>
      <c r="E6" s="9">
        <v>79791</v>
      </c>
    </row>
    <row r="7" spans="1:5" ht="24.75" customHeight="1" x14ac:dyDescent="0.2">
      <c r="A7" s="5" t="s">
        <v>9</v>
      </c>
      <c r="B7" s="10">
        <v>88420</v>
      </c>
      <c r="C7" s="11">
        <v>96526</v>
      </c>
      <c r="D7" s="8">
        <v>184946</v>
      </c>
      <c r="E7" s="9">
        <v>91830</v>
      </c>
    </row>
    <row r="8" spans="1:5" ht="24.75" customHeight="1" x14ac:dyDescent="0.2">
      <c r="A8" s="5" t="s">
        <v>10</v>
      </c>
      <c r="B8" s="10">
        <v>18973</v>
      </c>
      <c r="C8" s="11">
        <v>21853</v>
      </c>
      <c r="D8" s="8">
        <v>40826</v>
      </c>
      <c r="E8" s="9">
        <v>22127</v>
      </c>
    </row>
    <row r="9" spans="1:5" ht="24.75" customHeight="1" x14ac:dyDescent="0.2">
      <c r="A9" s="5" t="s">
        <v>11</v>
      </c>
      <c r="B9" s="10">
        <v>54671</v>
      </c>
      <c r="C9" s="11">
        <v>57337</v>
      </c>
      <c r="D9" s="8">
        <v>112008</v>
      </c>
      <c r="E9" s="9">
        <v>56849</v>
      </c>
    </row>
    <row r="10" spans="1:5" ht="24.75" customHeight="1" x14ac:dyDescent="0.2">
      <c r="A10" s="5" t="s">
        <v>12</v>
      </c>
      <c r="B10" s="10">
        <v>27814</v>
      </c>
      <c r="C10" s="11">
        <v>28534</v>
      </c>
      <c r="D10" s="8">
        <v>56348</v>
      </c>
      <c r="E10" s="9">
        <v>27043</v>
      </c>
    </row>
    <row r="11" spans="1:5" ht="24.75" customHeight="1" x14ac:dyDescent="0.2">
      <c r="A11" s="5" t="s">
        <v>13</v>
      </c>
      <c r="B11" s="10">
        <v>58677</v>
      </c>
      <c r="C11" s="11">
        <v>64472</v>
      </c>
      <c r="D11" s="8">
        <v>123149</v>
      </c>
      <c r="E11" s="9">
        <v>64299</v>
      </c>
    </row>
    <row r="12" spans="1:5" ht="24.75" customHeight="1" x14ac:dyDescent="0.2">
      <c r="A12" s="5" t="s">
        <v>14</v>
      </c>
      <c r="B12" s="10">
        <v>22660</v>
      </c>
      <c r="C12" s="11">
        <v>24765</v>
      </c>
      <c r="D12" s="8">
        <v>47425</v>
      </c>
      <c r="E12" s="9">
        <v>23344</v>
      </c>
    </row>
    <row r="13" spans="1:5" ht="24.75" customHeight="1" x14ac:dyDescent="0.2">
      <c r="A13" s="5" t="s">
        <v>15</v>
      </c>
      <c r="B13" s="10">
        <v>13845</v>
      </c>
      <c r="C13" s="11">
        <v>15942</v>
      </c>
      <c r="D13" s="8">
        <v>29787</v>
      </c>
      <c r="E13" s="9">
        <v>15336</v>
      </c>
    </row>
    <row r="14" spans="1:5" ht="24.75" customHeight="1" x14ac:dyDescent="0.2">
      <c r="A14" s="5" t="s">
        <v>16</v>
      </c>
      <c r="B14" s="10">
        <v>13510</v>
      </c>
      <c r="C14" s="11">
        <v>15343</v>
      </c>
      <c r="D14" s="8">
        <v>28853</v>
      </c>
      <c r="E14" s="9">
        <v>15102</v>
      </c>
    </row>
    <row r="15" spans="1:5" ht="24.75" customHeight="1" x14ac:dyDescent="0.2">
      <c r="A15" s="5" t="s">
        <v>17</v>
      </c>
      <c r="B15" s="10">
        <v>9725</v>
      </c>
      <c r="C15" s="11">
        <v>10812</v>
      </c>
      <c r="D15" s="8">
        <v>20537</v>
      </c>
      <c r="E15" s="9">
        <v>10404</v>
      </c>
    </row>
    <row r="16" spans="1:5" ht="24.75" customHeight="1" x14ac:dyDescent="0.2">
      <c r="A16" s="5" t="s">
        <v>18</v>
      </c>
      <c r="B16" s="10">
        <v>65231</v>
      </c>
      <c r="C16" s="11">
        <v>68383</v>
      </c>
      <c r="D16" s="8">
        <v>133614</v>
      </c>
      <c r="E16" s="9">
        <v>67812</v>
      </c>
    </row>
    <row r="17" spans="1:5" ht="24.75" customHeight="1" x14ac:dyDescent="0.2">
      <c r="A17" s="5" t="s">
        <v>19</v>
      </c>
      <c r="B17" s="12">
        <v>27919</v>
      </c>
      <c r="C17" s="13">
        <v>30412</v>
      </c>
      <c r="D17" s="8">
        <v>58331</v>
      </c>
      <c r="E17" s="9">
        <v>29142</v>
      </c>
    </row>
    <row r="18" spans="1:5" ht="24.75" customHeight="1" x14ac:dyDescent="0.2">
      <c r="A18" s="14" t="s">
        <v>20</v>
      </c>
      <c r="B18" s="15">
        <v>587986</v>
      </c>
      <c r="C18" s="15">
        <v>643519</v>
      </c>
      <c r="D18" s="15">
        <v>1231505</v>
      </c>
      <c r="E18" s="15">
        <v>630759</v>
      </c>
    </row>
    <row r="19" spans="1:5" ht="24.75" customHeight="1" x14ac:dyDescent="0.2">
      <c r="A19" s="16" t="s">
        <v>21</v>
      </c>
      <c r="B19" s="9">
        <v>6210</v>
      </c>
      <c r="C19" s="9">
        <v>7076</v>
      </c>
      <c r="D19" s="8">
        <v>13286</v>
      </c>
      <c r="E19" s="9">
        <v>7893</v>
      </c>
    </row>
    <row r="20" spans="1:5" ht="24.75" customHeight="1" x14ac:dyDescent="0.2">
      <c r="A20" s="16" t="s">
        <v>22</v>
      </c>
      <c r="B20" s="9">
        <v>2768</v>
      </c>
      <c r="C20" s="9">
        <v>2882</v>
      </c>
      <c r="D20" s="8">
        <v>5650</v>
      </c>
      <c r="E20" s="9">
        <v>2583</v>
      </c>
    </row>
    <row r="21" spans="1:5" ht="24.75" customHeight="1" x14ac:dyDescent="0.2">
      <c r="A21" s="16" t="s">
        <v>23</v>
      </c>
      <c r="B21" s="9">
        <v>1017</v>
      </c>
      <c r="C21" s="9">
        <v>1122</v>
      </c>
      <c r="D21" s="8">
        <v>2139</v>
      </c>
      <c r="E21" s="9">
        <v>1308</v>
      </c>
    </row>
    <row r="22" spans="1:5" ht="24.75" customHeight="1" x14ac:dyDescent="0.2">
      <c r="A22" s="16" t="s">
        <v>24</v>
      </c>
      <c r="B22" s="9">
        <v>6689</v>
      </c>
      <c r="C22" s="9">
        <v>7220</v>
      </c>
      <c r="D22" s="8">
        <v>13909</v>
      </c>
      <c r="E22" s="9">
        <v>6875</v>
      </c>
    </row>
    <row r="23" spans="1:5" ht="24.75" customHeight="1" x14ac:dyDescent="0.2">
      <c r="A23" s="16" t="s">
        <v>25</v>
      </c>
      <c r="B23" s="9">
        <v>5013</v>
      </c>
      <c r="C23" s="9">
        <v>5569</v>
      </c>
      <c r="D23" s="8">
        <v>10582</v>
      </c>
      <c r="E23" s="9">
        <v>5357</v>
      </c>
    </row>
    <row r="24" spans="1:5" ht="24.75" customHeight="1" x14ac:dyDescent="0.2">
      <c r="A24" s="16" t="s">
        <v>26</v>
      </c>
      <c r="B24" s="9">
        <v>1309</v>
      </c>
      <c r="C24" s="9">
        <v>1569</v>
      </c>
      <c r="D24" s="8">
        <v>2878</v>
      </c>
      <c r="E24" s="9">
        <v>1447</v>
      </c>
    </row>
    <row r="25" spans="1:5" s="18" customFormat="1" ht="24.75" customHeight="1" x14ac:dyDescent="0.2">
      <c r="A25" s="17" t="s">
        <v>27</v>
      </c>
      <c r="B25" s="15">
        <v>23006</v>
      </c>
      <c r="C25" s="15">
        <v>25438</v>
      </c>
      <c r="D25" s="15">
        <v>48444</v>
      </c>
      <c r="E25" s="15">
        <v>25463</v>
      </c>
    </row>
    <row r="26" spans="1:5" ht="24.75" customHeight="1" x14ac:dyDescent="0.2">
      <c r="A26" s="17" t="s">
        <v>28</v>
      </c>
      <c r="B26" s="15">
        <v>610992</v>
      </c>
      <c r="C26" s="15">
        <v>668957</v>
      </c>
      <c r="D26" s="15">
        <v>1279949</v>
      </c>
      <c r="E26" s="15">
        <v>656222</v>
      </c>
    </row>
    <row r="27" spans="1:5" ht="24.75" customHeight="1" x14ac:dyDescent="0.15">
      <c r="A27" s="19" t="s">
        <v>29</v>
      </c>
    </row>
  </sheetData>
  <sheetProtection selectLockedCells="1"/>
  <mergeCells count="3">
    <mergeCell ref="A1:E1"/>
    <mergeCell ref="A3:A4"/>
    <mergeCell ref="E3:E4"/>
  </mergeCells>
  <phoneticPr fontId="3"/>
  <pageMargins left="0.59055118110236227" right="0.39370078740157483" top="0.98425196850393704" bottom="0.98425196850393704" header="0.51181102362204722" footer="0.51181102362204722"/>
  <pageSetup paperSize="9" scale="103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7335A7-0CCB-45F3-9297-8927347C03C9}">
  <dimension ref="A1:E27"/>
  <sheetViews>
    <sheetView tabSelected="1" view="pageBreakPreview" zoomScale="85" zoomScaleNormal="85" zoomScaleSheetLayoutView="85" workbookViewId="0">
      <selection sqref="A1:E1"/>
    </sheetView>
  </sheetViews>
  <sheetFormatPr defaultRowHeight="13.5" x14ac:dyDescent="0.15"/>
  <cols>
    <col min="1" max="1" width="19.25" customWidth="1"/>
    <col min="2" max="3" width="17.125" bestFit="1" customWidth="1"/>
    <col min="4" max="4" width="17.875" customWidth="1"/>
    <col min="5" max="5" width="16.375" customWidth="1"/>
    <col min="257" max="257" width="19.25" customWidth="1"/>
    <col min="258" max="259" width="17.125" bestFit="1" customWidth="1"/>
    <col min="260" max="260" width="17.875" customWidth="1"/>
    <col min="261" max="261" width="16.375" customWidth="1"/>
    <col min="513" max="513" width="19.25" customWidth="1"/>
    <col min="514" max="515" width="17.125" bestFit="1" customWidth="1"/>
    <col min="516" max="516" width="17.875" customWidth="1"/>
    <col min="517" max="517" width="16.375" customWidth="1"/>
    <col min="769" max="769" width="19.25" customWidth="1"/>
    <col min="770" max="771" width="17.125" bestFit="1" customWidth="1"/>
    <col min="772" max="772" width="17.875" customWidth="1"/>
    <col min="773" max="773" width="16.375" customWidth="1"/>
    <col min="1025" max="1025" width="19.25" customWidth="1"/>
    <col min="1026" max="1027" width="17.125" bestFit="1" customWidth="1"/>
    <col min="1028" max="1028" width="17.875" customWidth="1"/>
    <col min="1029" max="1029" width="16.375" customWidth="1"/>
    <col min="1281" max="1281" width="19.25" customWidth="1"/>
    <col min="1282" max="1283" width="17.125" bestFit="1" customWidth="1"/>
    <col min="1284" max="1284" width="17.875" customWidth="1"/>
    <col min="1285" max="1285" width="16.375" customWidth="1"/>
    <col min="1537" max="1537" width="19.25" customWidth="1"/>
    <col min="1538" max="1539" width="17.125" bestFit="1" customWidth="1"/>
    <col min="1540" max="1540" width="17.875" customWidth="1"/>
    <col min="1541" max="1541" width="16.375" customWidth="1"/>
    <col min="1793" max="1793" width="19.25" customWidth="1"/>
    <col min="1794" max="1795" width="17.125" bestFit="1" customWidth="1"/>
    <col min="1796" max="1796" width="17.875" customWidth="1"/>
    <col min="1797" max="1797" width="16.375" customWidth="1"/>
    <col min="2049" max="2049" width="19.25" customWidth="1"/>
    <col min="2050" max="2051" width="17.125" bestFit="1" customWidth="1"/>
    <col min="2052" max="2052" width="17.875" customWidth="1"/>
    <col min="2053" max="2053" width="16.375" customWidth="1"/>
    <col min="2305" max="2305" width="19.25" customWidth="1"/>
    <col min="2306" max="2307" width="17.125" bestFit="1" customWidth="1"/>
    <col min="2308" max="2308" width="17.875" customWidth="1"/>
    <col min="2309" max="2309" width="16.375" customWidth="1"/>
    <col min="2561" max="2561" width="19.25" customWidth="1"/>
    <col min="2562" max="2563" width="17.125" bestFit="1" customWidth="1"/>
    <col min="2564" max="2564" width="17.875" customWidth="1"/>
    <col min="2565" max="2565" width="16.375" customWidth="1"/>
    <col min="2817" max="2817" width="19.25" customWidth="1"/>
    <col min="2818" max="2819" width="17.125" bestFit="1" customWidth="1"/>
    <col min="2820" max="2820" width="17.875" customWidth="1"/>
    <col min="2821" max="2821" width="16.375" customWidth="1"/>
    <col min="3073" max="3073" width="19.25" customWidth="1"/>
    <col min="3074" max="3075" width="17.125" bestFit="1" customWidth="1"/>
    <col min="3076" max="3076" width="17.875" customWidth="1"/>
    <col min="3077" max="3077" width="16.375" customWidth="1"/>
    <col min="3329" max="3329" width="19.25" customWidth="1"/>
    <col min="3330" max="3331" width="17.125" bestFit="1" customWidth="1"/>
    <col min="3332" max="3332" width="17.875" customWidth="1"/>
    <col min="3333" max="3333" width="16.375" customWidth="1"/>
    <col min="3585" max="3585" width="19.25" customWidth="1"/>
    <col min="3586" max="3587" width="17.125" bestFit="1" customWidth="1"/>
    <col min="3588" max="3588" width="17.875" customWidth="1"/>
    <col min="3589" max="3589" width="16.375" customWidth="1"/>
    <col min="3841" max="3841" width="19.25" customWidth="1"/>
    <col min="3842" max="3843" width="17.125" bestFit="1" customWidth="1"/>
    <col min="3844" max="3844" width="17.875" customWidth="1"/>
    <col min="3845" max="3845" width="16.375" customWidth="1"/>
    <col min="4097" max="4097" width="19.25" customWidth="1"/>
    <col min="4098" max="4099" width="17.125" bestFit="1" customWidth="1"/>
    <col min="4100" max="4100" width="17.875" customWidth="1"/>
    <col min="4101" max="4101" width="16.375" customWidth="1"/>
    <col min="4353" max="4353" width="19.25" customWidth="1"/>
    <col min="4354" max="4355" width="17.125" bestFit="1" customWidth="1"/>
    <col min="4356" max="4356" width="17.875" customWidth="1"/>
    <col min="4357" max="4357" width="16.375" customWidth="1"/>
    <col min="4609" max="4609" width="19.25" customWidth="1"/>
    <col min="4610" max="4611" width="17.125" bestFit="1" customWidth="1"/>
    <col min="4612" max="4612" width="17.875" customWidth="1"/>
    <col min="4613" max="4613" width="16.375" customWidth="1"/>
    <col min="4865" max="4865" width="19.25" customWidth="1"/>
    <col min="4866" max="4867" width="17.125" bestFit="1" customWidth="1"/>
    <col min="4868" max="4868" width="17.875" customWidth="1"/>
    <col min="4869" max="4869" width="16.375" customWidth="1"/>
    <col min="5121" max="5121" width="19.25" customWidth="1"/>
    <col min="5122" max="5123" width="17.125" bestFit="1" customWidth="1"/>
    <col min="5124" max="5124" width="17.875" customWidth="1"/>
    <col min="5125" max="5125" width="16.375" customWidth="1"/>
    <col min="5377" max="5377" width="19.25" customWidth="1"/>
    <col min="5378" max="5379" width="17.125" bestFit="1" customWidth="1"/>
    <col min="5380" max="5380" width="17.875" customWidth="1"/>
    <col min="5381" max="5381" width="16.375" customWidth="1"/>
    <col min="5633" max="5633" width="19.25" customWidth="1"/>
    <col min="5634" max="5635" width="17.125" bestFit="1" customWidth="1"/>
    <col min="5636" max="5636" width="17.875" customWidth="1"/>
    <col min="5637" max="5637" width="16.375" customWidth="1"/>
    <col min="5889" max="5889" width="19.25" customWidth="1"/>
    <col min="5890" max="5891" width="17.125" bestFit="1" customWidth="1"/>
    <col min="5892" max="5892" width="17.875" customWidth="1"/>
    <col min="5893" max="5893" width="16.375" customWidth="1"/>
    <col min="6145" max="6145" width="19.25" customWidth="1"/>
    <col min="6146" max="6147" width="17.125" bestFit="1" customWidth="1"/>
    <col min="6148" max="6148" width="17.875" customWidth="1"/>
    <col min="6149" max="6149" width="16.375" customWidth="1"/>
    <col min="6401" max="6401" width="19.25" customWidth="1"/>
    <col min="6402" max="6403" width="17.125" bestFit="1" customWidth="1"/>
    <col min="6404" max="6404" width="17.875" customWidth="1"/>
    <col min="6405" max="6405" width="16.375" customWidth="1"/>
    <col min="6657" max="6657" width="19.25" customWidth="1"/>
    <col min="6658" max="6659" width="17.125" bestFit="1" customWidth="1"/>
    <col min="6660" max="6660" width="17.875" customWidth="1"/>
    <col min="6661" max="6661" width="16.375" customWidth="1"/>
    <col min="6913" max="6913" width="19.25" customWidth="1"/>
    <col min="6914" max="6915" width="17.125" bestFit="1" customWidth="1"/>
    <col min="6916" max="6916" width="17.875" customWidth="1"/>
    <col min="6917" max="6917" width="16.375" customWidth="1"/>
    <col min="7169" max="7169" width="19.25" customWidth="1"/>
    <col min="7170" max="7171" width="17.125" bestFit="1" customWidth="1"/>
    <col min="7172" max="7172" width="17.875" customWidth="1"/>
    <col min="7173" max="7173" width="16.375" customWidth="1"/>
    <col min="7425" max="7425" width="19.25" customWidth="1"/>
    <col min="7426" max="7427" width="17.125" bestFit="1" customWidth="1"/>
    <col min="7428" max="7428" width="17.875" customWidth="1"/>
    <col min="7429" max="7429" width="16.375" customWidth="1"/>
    <col min="7681" max="7681" width="19.25" customWidth="1"/>
    <col min="7682" max="7683" width="17.125" bestFit="1" customWidth="1"/>
    <col min="7684" max="7684" width="17.875" customWidth="1"/>
    <col min="7685" max="7685" width="16.375" customWidth="1"/>
    <col min="7937" max="7937" width="19.25" customWidth="1"/>
    <col min="7938" max="7939" width="17.125" bestFit="1" customWidth="1"/>
    <col min="7940" max="7940" width="17.875" customWidth="1"/>
    <col min="7941" max="7941" width="16.375" customWidth="1"/>
    <col min="8193" max="8193" width="19.25" customWidth="1"/>
    <col min="8194" max="8195" width="17.125" bestFit="1" customWidth="1"/>
    <col min="8196" max="8196" width="17.875" customWidth="1"/>
    <col min="8197" max="8197" width="16.375" customWidth="1"/>
    <col min="8449" max="8449" width="19.25" customWidth="1"/>
    <col min="8450" max="8451" width="17.125" bestFit="1" customWidth="1"/>
    <col min="8452" max="8452" width="17.875" customWidth="1"/>
    <col min="8453" max="8453" width="16.375" customWidth="1"/>
    <col min="8705" max="8705" width="19.25" customWidth="1"/>
    <col min="8706" max="8707" width="17.125" bestFit="1" customWidth="1"/>
    <col min="8708" max="8708" width="17.875" customWidth="1"/>
    <col min="8709" max="8709" width="16.375" customWidth="1"/>
    <col min="8961" max="8961" width="19.25" customWidth="1"/>
    <col min="8962" max="8963" width="17.125" bestFit="1" customWidth="1"/>
    <col min="8964" max="8964" width="17.875" customWidth="1"/>
    <col min="8965" max="8965" width="16.375" customWidth="1"/>
    <col min="9217" max="9217" width="19.25" customWidth="1"/>
    <col min="9218" max="9219" width="17.125" bestFit="1" customWidth="1"/>
    <col min="9220" max="9220" width="17.875" customWidth="1"/>
    <col min="9221" max="9221" width="16.375" customWidth="1"/>
    <col min="9473" max="9473" width="19.25" customWidth="1"/>
    <col min="9474" max="9475" width="17.125" bestFit="1" customWidth="1"/>
    <col min="9476" max="9476" width="17.875" customWidth="1"/>
    <col min="9477" max="9477" width="16.375" customWidth="1"/>
    <col min="9729" max="9729" width="19.25" customWidth="1"/>
    <col min="9730" max="9731" width="17.125" bestFit="1" customWidth="1"/>
    <col min="9732" max="9732" width="17.875" customWidth="1"/>
    <col min="9733" max="9733" width="16.375" customWidth="1"/>
    <col min="9985" max="9985" width="19.25" customWidth="1"/>
    <col min="9986" max="9987" width="17.125" bestFit="1" customWidth="1"/>
    <col min="9988" max="9988" width="17.875" customWidth="1"/>
    <col min="9989" max="9989" width="16.375" customWidth="1"/>
    <col min="10241" max="10241" width="19.25" customWidth="1"/>
    <col min="10242" max="10243" width="17.125" bestFit="1" customWidth="1"/>
    <col min="10244" max="10244" width="17.875" customWidth="1"/>
    <col min="10245" max="10245" width="16.375" customWidth="1"/>
    <col min="10497" max="10497" width="19.25" customWidth="1"/>
    <col min="10498" max="10499" width="17.125" bestFit="1" customWidth="1"/>
    <col min="10500" max="10500" width="17.875" customWidth="1"/>
    <col min="10501" max="10501" width="16.375" customWidth="1"/>
    <col min="10753" max="10753" width="19.25" customWidth="1"/>
    <col min="10754" max="10755" width="17.125" bestFit="1" customWidth="1"/>
    <col min="10756" max="10756" width="17.875" customWidth="1"/>
    <col min="10757" max="10757" width="16.375" customWidth="1"/>
    <col min="11009" max="11009" width="19.25" customWidth="1"/>
    <col min="11010" max="11011" width="17.125" bestFit="1" customWidth="1"/>
    <col min="11012" max="11012" width="17.875" customWidth="1"/>
    <col min="11013" max="11013" width="16.375" customWidth="1"/>
    <col min="11265" max="11265" width="19.25" customWidth="1"/>
    <col min="11266" max="11267" width="17.125" bestFit="1" customWidth="1"/>
    <col min="11268" max="11268" width="17.875" customWidth="1"/>
    <col min="11269" max="11269" width="16.375" customWidth="1"/>
    <col min="11521" max="11521" width="19.25" customWidth="1"/>
    <col min="11522" max="11523" width="17.125" bestFit="1" customWidth="1"/>
    <col min="11524" max="11524" width="17.875" customWidth="1"/>
    <col min="11525" max="11525" width="16.375" customWidth="1"/>
    <col min="11777" max="11777" width="19.25" customWidth="1"/>
    <col min="11778" max="11779" width="17.125" bestFit="1" customWidth="1"/>
    <col min="11780" max="11780" width="17.875" customWidth="1"/>
    <col min="11781" max="11781" width="16.375" customWidth="1"/>
    <col min="12033" max="12033" width="19.25" customWidth="1"/>
    <col min="12034" max="12035" width="17.125" bestFit="1" customWidth="1"/>
    <col min="12036" max="12036" width="17.875" customWidth="1"/>
    <col min="12037" max="12037" width="16.375" customWidth="1"/>
    <col min="12289" max="12289" width="19.25" customWidth="1"/>
    <col min="12290" max="12291" width="17.125" bestFit="1" customWidth="1"/>
    <col min="12292" max="12292" width="17.875" customWidth="1"/>
    <col min="12293" max="12293" width="16.375" customWidth="1"/>
    <col min="12545" max="12545" width="19.25" customWidth="1"/>
    <col min="12546" max="12547" width="17.125" bestFit="1" customWidth="1"/>
    <col min="12548" max="12548" width="17.875" customWidth="1"/>
    <col min="12549" max="12549" width="16.375" customWidth="1"/>
    <col min="12801" max="12801" width="19.25" customWidth="1"/>
    <col min="12802" max="12803" width="17.125" bestFit="1" customWidth="1"/>
    <col min="12804" max="12804" width="17.875" customWidth="1"/>
    <col min="12805" max="12805" width="16.375" customWidth="1"/>
    <col min="13057" max="13057" width="19.25" customWidth="1"/>
    <col min="13058" max="13059" width="17.125" bestFit="1" customWidth="1"/>
    <col min="13060" max="13060" width="17.875" customWidth="1"/>
    <col min="13061" max="13061" width="16.375" customWidth="1"/>
    <col min="13313" max="13313" width="19.25" customWidth="1"/>
    <col min="13314" max="13315" width="17.125" bestFit="1" customWidth="1"/>
    <col min="13316" max="13316" width="17.875" customWidth="1"/>
    <col min="13317" max="13317" width="16.375" customWidth="1"/>
    <col min="13569" max="13569" width="19.25" customWidth="1"/>
    <col min="13570" max="13571" width="17.125" bestFit="1" customWidth="1"/>
    <col min="13572" max="13572" width="17.875" customWidth="1"/>
    <col min="13573" max="13573" width="16.375" customWidth="1"/>
    <col min="13825" max="13825" width="19.25" customWidth="1"/>
    <col min="13826" max="13827" width="17.125" bestFit="1" customWidth="1"/>
    <col min="13828" max="13828" width="17.875" customWidth="1"/>
    <col min="13829" max="13829" width="16.375" customWidth="1"/>
    <col min="14081" max="14081" width="19.25" customWidth="1"/>
    <col min="14082" max="14083" width="17.125" bestFit="1" customWidth="1"/>
    <col min="14084" max="14084" width="17.875" customWidth="1"/>
    <col min="14085" max="14085" width="16.375" customWidth="1"/>
    <col min="14337" max="14337" width="19.25" customWidth="1"/>
    <col min="14338" max="14339" width="17.125" bestFit="1" customWidth="1"/>
    <col min="14340" max="14340" width="17.875" customWidth="1"/>
    <col min="14341" max="14341" width="16.375" customWidth="1"/>
    <col min="14593" max="14593" width="19.25" customWidth="1"/>
    <col min="14594" max="14595" width="17.125" bestFit="1" customWidth="1"/>
    <col min="14596" max="14596" width="17.875" customWidth="1"/>
    <col min="14597" max="14597" width="16.375" customWidth="1"/>
    <col min="14849" max="14849" width="19.25" customWidth="1"/>
    <col min="14850" max="14851" width="17.125" bestFit="1" customWidth="1"/>
    <col min="14852" max="14852" width="17.875" customWidth="1"/>
    <col min="14853" max="14853" width="16.375" customWidth="1"/>
    <col min="15105" max="15105" width="19.25" customWidth="1"/>
    <col min="15106" max="15107" width="17.125" bestFit="1" customWidth="1"/>
    <col min="15108" max="15108" width="17.875" customWidth="1"/>
    <col min="15109" max="15109" width="16.375" customWidth="1"/>
    <col min="15361" max="15361" width="19.25" customWidth="1"/>
    <col min="15362" max="15363" width="17.125" bestFit="1" customWidth="1"/>
    <col min="15364" max="15364" width="17.875" customWidth="1"/>
    <col min="15365" max="15365" width="16.375" customWidth="1"/>
    <col min="15617" max="15617" width="19.25" customWidth="1"/>
    <col min="15618" max="15619" width="17.125" bestFit="1" customWidth="1"/>
    <col min="15620" max="15620" width="17.875" customWidth="1"/>
    <col min="15621" max="15621" width="16.375" customWidth="1"/>
    <col min="15873" max="15873" width="19.25" customWidth="1"/>
    <col min="15874" max="15875" width="17.125" bestFit="1" customWidth="1"/>
    <col min="15876" max="15876" width="17.875" customWidth="1"/>
    <col min="15877" max="15877" width="16.375" customWidth="1"/>
    <col min="16129" max="16129" width="19.25" customWidth="1"/>
    <col min="16130" max="16131" width="17.125" bestFit="1" customWidth="1"/>
    <col min="16132" max="16132" width="17.875" customWidth="1"/>
    <col min="16133" max="16133" width="16.375" customWidth="1"/>
  </cols>
  <sheetData>
    <row r="1" spans="1:5" ht="24" x14ac:dyDescent="0.15">
      <c r="A1" s="20" t="s">
        <v>33</v>
      </c>
      <c r="B1" s="20"/>
      <c r="C1" s="20"/>
      <c r="D1" s="20"/>
      <c r="E1" s="20"/>
    </row>
    <row r="2" spans="1:5" x14ac:dyDescent="0.15">
      <c r="B2" s="1"/>
      <c r="C2" s="1" t="s">
        <v>1</v>
      </c>
      <c r="D2" s="1"/>
      <c r="E2" s="1"/>
    </row>
    <row r="3" spans="1:5" ht="24.75" customHeight="1" x14ac:dyDescent="0.15">
      <c r="A3" s="21"/>
      <c r="B3" s="2" t="s">
        <v>2</v>
      </c>
      <c r="C3" s="3"/>
      <c r="D3" s="3"/>
      <c r="E3" s="22" t="s">
        <v>3</v>
      </c>
    </row>
    <row r="4" spans="1:5" ht="24.75" customHeight="1" x14ac:dyDescent="0.15">
      <c r="A4" s="21"/>
      <c r="B4" s="4" t="s">
        <v>4</v>
      </c>
      <c r="C4" s="4" t="s">
        <v>5</v>
      </c>
      <c r="D4" s="4" t="s">
        <v>6</v>
      </c>
      <c r="E4" s="23"/>
    </row>
    <row r="5" spans="1:5" ht="24.75" customHeight="1" x14ac:dyDescent="0.2">
      <c r="A5" s="5" t="s">
        <v>7</v>
      </c>
      <c r="B5" s="6">
        <v>112311</v>
      </c>
      <c r="C5" s="7">
        <v>128233</v>
      </c>
      <c r="D5" s="8">
        <v>240544</v>
      </c>
      <c r="E5" s="9">
        <v>127615</v>
      </c>
    </row>
    <row r="6" spans="1:5" ht="24.75" customHeight="1" x14ac:dyDescent="0.2">
      <c r="A6" s="5" t="s">
        <v>8</v>
      </c>
      <c r="B6" s="10">
        <v>74063</v>
      </c>
      <c r="C6" s="11">
        <v>80720</v>
      </c>
      <c r="D6" s="8">
        <v>154783</v>
      </c>
      <c r="E6" s="9">
        <v>79714</v>
      </c>
    </row>
    <row r="7" spans="1:5" ht="24.75" customHeight="1" x14ac:dyDescent="0.2">
      <c r="A7" s="5" t="s">
        <v>9</v>
      </c>
      <c r="B7" s="10">
        <v>88293</v>
      </c>
      <c r="C7" s="11">
        <v>96457</v>
      </c>
      <c r="D7" s="8">
        <v>184750</v>
      </c>
      <c r="E7" s="9">
        <v>91659</v>
      </c>
    </row>
    <row r="8" spans="1:5" ht="24.75" customHeight="1" x14ac:dyDescent="0.2">
      <c r="A8" s="5" t="s">
        <v>10</v>
      </c>
      <c r="B8" s="10">
        <v>18947</v>
      </c>
      <c r="C8" s="11">
        <v>21819</v>
      </c>
      <c r="D8" s="8">
        <v>40766</v>
      </c>
      <c r="E8" s="9">
        <v>22111</v>
      </c>
    </row>
    <row r="9" spans="1:5" ht="24.75" customHeight="1" x14ac:dyDescent="0.2">
      <c r="A9" s="5" t="s">
        <v>11</v>
      </c>
      <c r="B9" s="10">
        <v>54591</v>
      </c>
      <c r="C9" s="11">
        <v>57278</v>
      </c>
      <c r="D9" s="8">
        <v>111869</v>
      </c>
      <c r="E9" s="9">
        <v>56786</v>
      </c>
    </row>
    <row r="10" spans="1:5" ht="24.75" customHeight="1" x14ac:dyDescent="0.2">
      <c r="A10" s="5" t="s">
        <v>12</v>
      </c>
      <c r="B10" s="10">
        <v>27811</v>
      </c>
      <c r="C10" s="11">
        <v>28521</v>
      </c>
      <c r="D10" s="8">
        <v>56332</v>
      </c>
      <c r="E10" s="9">
        <v>27046</v>
      </c>
    </row>
    <row r="11" spans="1:5" ht="24.75" customHeight="1" x14ac:dyDescent="0.2">
      <c r="A11" s="5" t="s">
        <v>13</v>
      </c>
      <c r="B11" s="10">
        <v>58695</v>
      </c>
      <c r="C11" s="11">
        <v>64406</v>
      </c>
      <c r="D11" s="8">
        <v>123101</v>
      </c>
      <c r="E11" s="9">
        <v>64300</v>
      </c>
    </row>
    <row r="12" spans="1:5" ht="24.75" customHeight="1" x14ac:dyDescent="0.2">
      <c r="A12" s="5" t="s">
        <v>14</v>
      </c>
      <c r="B12" s="10">
        <v>22647</v>
      </c>
      <c r="C12" s="11">
        <v>24727</v>
      </c>
      <c r="D12" s="8">
        <v>47374</v>
      </c>
      <c r="E12" s="9">
        <v>23340</v>
      </c>
    </row>
    <row r="13" spans="1:5" ht="24.75" customHeight="1" x14ac:dyDescent="0.2">
      <c r="A13" s="5" t="s">
        <v>15</v>
      </c>
      <c r="B13" s="10">
        <v>13805</v>
      </c>
      <c r="C13" s="11">
        <v>15925</v>
      </c>
      <c r="D13" s="8">
        <v>29730</v>
      </c>
      <c r="E13" s="9">
        <v>15310</v>
      </c>
    </row>
    <row r="14" spans="1:5" ht="24.75" customHeight="1" x14ac:dyDescent="0.2">
      <c r="A14" s="5" t="s">
        <v>16</v>
      </c>
      <c r="B14" s="10">
        <v>13518</v>
      </c>
      <c r="C14" s="11">
        <v>15329</v>
      </c>
      <c r="D14" s="8">
        <v>28847</v>
      </c>
      <c r="E14" s="9">
        <v>15100</v>
      </c>
    </row>
    <row r="15" spans="1:5" ht="24.75" customHeight="1" x14ac:dyDescent="0.2">
      <c r="A15" s="5" t="s">
        <v>17</v>
      </c>
      <c r="B15" s="10">
        <v>9707</v>
      </c>
      <c r="C15" s="11">
        <v>10790</v>
      </c>
      <c r="D15" s="8">
        <v>20497</v>
      </c>
      <c r="E15" s="9">
        <v>10392</v>
      </c>
    </row>
    <row r="16" spans="1:5" ht="24.75" customHeight="1" x14ac:dyDescent="0.2">
      <c r="A16" s="5" t="s">
        <v>18</v>
      </c>
      <c r="B16" s="10">
        <v>65198</v>
      </c>
      <c r="C16" s="11">
        <v>68334</v>
      </c>
      <c r="D16" s="8">
        <v>133532</v>
      </c>
      <c r="E16" s="9">
        <v>67788</v>
      </c>
    </row>
    <row r="17" spans="1:5" ht="24.75" customHeight="1" x14ac:dyDescent="0.2">
      <c r="A17" s="5" t="s">
        <v>19</v>
      </c>
      <c r="B17" s="12">
        <v>27913</v>
      </c>
      <c r="C17" s="13">
        <v>30397</v>
      </c>
      <c r="D17" s="8">
        <v>58310</v>
      </c>
      <c r="E17" s="9">
        <v>29136</v>
      </c>
    </row>
    <row r="18" spans="1:5" ht="24.75" customHeight="1" x14ac:dyDescent="0.2">
      <c r="A18" s="14" t="s">
        <v>20</v>
      </c>
      <c r="B18" s="15">
        <v>587499</v>
      </c>
      <c r="C18" s="15">
        <v>642936</v>
      </c>
      <c r="D18" s="15">
        <v>1230435</v>
      </c>
      <c r="E18" s="15">
        <v>630297</v>
      </c>
    </row>
    <row r="19" spans="1:5" ht="24.75" customHeight="1" x14ac:dyDescent="0.2">
      <c r="A19" s="16" t="s">
        <v>21</v>
      </c>
      <c r="B19" s="9">
        <v>6205</v>
      </c>
      <c r="C19" s="9">
        <v>7065</v>
      </c>
      <c r="D19" s="8">
        <v>13270</v>
      </c>
      <c r="E19" s="9">
        <v>7885</v>
      </c>
    </row>
    <row r="20" spans="1:5" ht="24.75" customHeight="1" x14ac:dyDescent="0.2">
      <c r="A20" s="16" t="s">
        <v>22</v>
      </c>
      <c r="B20" s="9">
        <v>2763</v>
      </c>
      <c r="C20" s="9">
        <v>2877</v>
      </c>
      <c r="D20" s="8">
        <v>5640</v>
      </c>
      <c r="E20" s="9">
        <v>2611</v>
      </c>
    </row>
    <row r="21" spans="1:5" ht="24.75" customHeight="1" x14ac:dyDescent="0.2">
      <c r="A21" s="16" t="s">
        <v>23</v>
      </c>
      <c r="B21" s="9">
        <v>1013</v>
      </c>
      <c r="C21" s="9">
        <v>1118</v>
      </c>
      <c r="D21" s="8">
        <v>2131</v>
      </c>
      <c r="E21" s="9">
        <v>1304</v>
      </c>
    </row>
    <row r="22" spans="1:5" ht="24.75" customHeight="1" x14ac:dyDescent="0.2">
      <c r="A22" s="16" t="s">
        <v>24</v>
      </c>
      <c r="B22" s="9">
        <v>6679</v>
      </c>
      <c r="C22" s="9">
        <v>7213</v>
      </c>
      <c r="D22" s="8">
        <v>13892</v>
      </c>
      <c r="E22" s="9">
        <v>6873</v>
      </c>
    </row>
    <row r="23" spans="1:5" ht="24.75" customHeight="1" x14ac:dyDescent="0.2">
      <c r="A23" s="16" t="s">
        <v>25</v>
      </c>
      <c r="B23" s="9">
        <v>5011</v>
      </c>
      <c r="C23" s="9">
        <v>5556</v>
      </c>
      <c r="D23" s="8">
        <v>10567</v>
      </c>
      <c r="E23" s="9">
        <v>5354</v>
      </c>
    </row>
    <row r="24" spans="1:5" ht="24.75" customHeight="1" x14ac:dyDescent="0.2">
      <c r="A24" s="16" t="s">
        <v>26</v>
      </c>
      <c r="B24" s="9">
        <v>1306</v>
      </c>
      <c r="C24" s="9">
        <v>1567</v>
      </c>
      <c r="D24" s="8">
        <v>2873</v>
      </c>
      <c r="E24" s="9">
        <v>1445</v>
      </c>
    </row>
    <row r="25" spans="1:5" s="18" customFormat="1" ht="24.75" customHeight="1" x14ac:dyDescent="0.2">
      <c r="A25" s="17" t="s">
        <v>27</v>
      </c>
      <c r="B25" s="15">
        <v>22977</v>
      </c>
      <c r="C25" s="15">
        <v>25396</v>
      </c>
      <c r="D25" s="15">
        <v>48373</v>
      </c>
      <c r="E25" s="15">
        <v>25472</v>
      </c>
    </row>
    <row r="26" spans="1:5" ht="24.75" customHeight="1" x14ac:dyDescent="0.2">
      <c r="A26" s="17" t="s">
        <v>28</v>
      </c>
      <c r="B26" s="15">
        <v>610476</v>
      </c>
      <c r="C26" s="15">
        <v>668332</v>
      </c>
      <c r="D26" s="15">
        <v>1278808</v>
      </c>
      <c r="E26" s="15">
        <v>655769</v>
      </c>
    </row>
    <row r="27" spans="1:5" ht="24.75" customHeight="1" x14ac:dyDescent="0.15">
      <c r="A27" s="19" t="s">
        <v>29</v>
      </c>
    </row>
  </sheetData>
  <sheetProtection selectLockedCells="1"/>
  <mergeCells count="3">
    <mergeCell ref="A1:E1"/>
    <mergeCell ref="A3:A4"/>
    <mergeCell ref="E3:E4"/>
  </mergeCells>
  <phoneticPr fontId="3"/>
  <pageMargins left="0.59055118110236227" right="0.39370078740157483" top="0.98425196850393704" bottom="0.98425196850393704" header="0.51181102362204722" footer="0.51181102362204722"/>
  <pageSetup paperSize="9" scale="103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住基R0704</vt:lpstr>
      <vt:lpstr>住基R0705</vt:lpstr>
      <vt:lpstr>住基R0706</vt:lpstr>
      <vt:lpstr>住基R0707</vt:lpstr>
      <vt:lpstr>住基R0708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武居　千晶</dc:creator>
  <cp:lastModifiedBy>武居　千晶</cp:lastModifiedBy>
  <dcterms:created xsi:type="dcterms:W3CDTF">2025-05-27T05:17:26Z</dcterms:created>
  <dcterms:modified xsi:type="dcterms:W3CDTF">2025-09-26T05:22:45Z</dcterms:modified>
</cp:coreProperties>
</file>